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48\"/>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815" uniqueCount="570">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21/11/2020</t>
  </si>
  <si>
    <t>07:00:00:00</t>
  </si>
  <si>
    <t>Gare centrale : Buenos Aires estación Retiro, la belle anglaise chez les gauchos</t>
  </si>
  <si>
    <t>Gare centrale</t>
  </si>
  <si>
    <t>Buenos Aires estación Retiro, la belle anglaise chez les gauchos</t>
  </si>
  <si>
    <t>00:52</t>
  </si>
  <si>
    <t>France</t>
  </si>
  <si>
    <t>Jean-Thomas Renaud</t>
  </si>
  <si>
    <t xml:space="preserve">L'Argentine fut en 1945, le pays dont les chemins de fer étaient les plus prospères, avec un réseau moderne et très extensif. Depuis, les crises se sont succédées et le train a lentement décliné au pays des gauchos. Aujourd'hui, la gare de Retiro à Buenos Aires, ou plutôt les gares, puisqu'il s'agit de trois gares situées côte-à-côte, témoignent de cette splendeur passée. Mais l'Argentine possède encore le 8ème réseau ferré du monde, et le complexe ferroviaire de Retiro en est la tête de pont. Avec son architecture de « style français », les bâtiments certes un peu délabrés, abritent toujours le passage des argentins se rendant vers les confins du pays, ou les banlieues de la plus européenne des villes sud-américaines que constitue Buenos Aires. La gare est devenue monument historique en 1997 et est considérée comme l’exemple Argentin le plus significatif de l’architecture ferroviaire monumentale.  </t>
  </si>
  <si>
    <t>08:00:00:00</t>
  </si>
  <si>
    <t>V1026727</t>
  </si>
  <si>
    <t>Découvrir le monde : Cyclades Nord, l'amour du bleu</t>
  </si>
  <si>
    <t>Découvrir le monde (collection)</t>
  </si>
  <si>
    <t>Cyclades Nord, l'amour du bleu</t>
  </si>
  <si>
    <t>00:51</t>
  </si>
  <si>
    <t>Pierre Brouwers</t>
  </si>
  <si>
    <t>Le bleu de la mer met en évidence le blanc immaculé des maisons, qui lui-même renforce le bleu des dômes d’églises. Ruelles dallées de pierres proprettes, moulins à vent, pigeonniers, oliveraies et plages inondées de soleil composent un décor de rêve. Un rêve facile à réaliser car les Cyclades nous sont proches, par la géographie comme par l’histoire. Pierre Brouwers a réalisé de nombreux reportages sur ces îles mythiques. Grâce à ses connaissances et à la beauté des images, il nous fait découvrir chacune des îles avec son âme, sa personnalité, et sa population toujours fidèle aux traditions malgré les attraits du monde moderne.</t>
  </si>
  <si>
    <t>09:00:00:00</t>
  </si>
  <si>
    <t>Les nouveaux voyageurs des cimes</t>
  </si>
  <si>
    <t>Bruno Peyronnet</t>
  </si>
  <si>
    <t>09:55:00:00</t>
  </si>
  <si>
    <t>P0822053</t>
  </si>
  <si>
    <t>Kailash, sur les sentiers du Tibet</t>
  </si>
  <si>
    <t>Sur les sentiers du Kailash</t>
  </si>
  <si>
    <t>Marc Temmerman,Simon Allix</t>
  </si>
  <si>
    <t>Au Tibet, l’explorateur Simon Allix entraîne un groupe de voyageurs dans une aventure hors du commun : le pèlerinage du Mont Kailash. À la découverte des richesses de l’une des plus belles régions du monde, ces amoureux de nature vivront une expérience qui marquera à jamais leur existence. Les voyages faisant toujours la promesse d’une transformation, les participants de celui-ci voient le Kaïlash comme une ascension importante, symbolisant un tournant dans leur vie personnelle. Ensemble, unis par l’expérience qu’impose cette montagne et ses richesses, les marcheurs, Simon, Françoise, Victoire et Claude, deviendront des pèlerins gravissant les routes de l’éveil, avec comme graal ultime à atteindre : le Mont Dolma. Leur voyage débute à Lhassa, la capitale du Tibet puis dans le territoire central du Tibet, ancienne zone nomade.</t>
  </si>
  <si>
    <t>11:00:00:00</t>
  </si>
  <si>
    <t>P0867098</t>
  </si>
  <si>
    <t>Merveilles de l'UNESCO : Grèce, entre mythe et réalité</t>
  </si>
  <si>
    <t>Merveilles de l'UNESCO</t>
  </si>
  <si>
    <t>Grèce, entre mythe et réalité</t>
  </si>
  <si>
    <t>Luca Bergamaschi</t>
  </si>
  <si>
    <t>Constellation d’îles au cœur de la Méditerranée, la Grèce compte 18 sites classés par l’UNESCO : vestiges de la période hellénistique, édifices façonnés par un subtil mariage entre orient et occident, chaque bien raconte une part de la très riche histoire de ce pays. 
Nous vous proposons un voyage à travers l’histoire de la Grèce. Nous partirons de l’Acropole, rocher des Dieux, pour terminer dans les cieux, à la découverte des sublimes monastères des Météores, où vivent, coupés du monde, des moines orthodoxes. Durant ce voyage, nous découvrirons des merveilles antiques et des personnages uniques qui consacrent leur vie à la sauvegarde de ces trésors. Trésors parfois victimes de l’usure du temps, mais qui retrouvent des couleurs grâce au travail acharné de ces passionnés.</t>
  </si>
  <si>
    <t>12:00:00:00</t>
  </si>
  <si>
    <t>P0767081</t>
  </si>
  <si>
    <t>Trésors d'Europe : Grèce</t>
  </si>
  <si>
    <t>Trésors d'Europe</t>
  </si>
  <si>
    <t>Grèce</t>
  </si>
  <si>
    <t>Julien Bur</t>
  </si>
  <si>
    <t xml:space="preserve">Des Cyclades, on connaît les plages paradisiaques et les maisons blanches qui donnent un sentiment de bout du monde. Mais qui connaît les hommages religieux faits à la Vierge lors de la procession de Pâques de Folegandros, qui a déjà rencontré le paniyira de l’île de Sifnos ? On part en plongée dans la Grèce des mythes : direction les profondeurs maritimes pour observer l’épave du navire Marina 3, puis ballade sur l’île sacrée de Délos. Et si certains jet-setters viennent y faire la fête, on préfère nous se ressourcer et tester sur l’île de Kéa, la digital detox… </t>
  </si>
  <si>
    <t>13:00:00:00</t>
  </si>
  <si>
    <t>P0743095</t>
  </si>
  <si>
    <t>Découvrir le monde : Cyclades Sud, la ronde du bleu</t>
  </si>
  <si>
    <t>Cyclades Sud, la ronde du bleu</t>
  </si>
  <si>
    <t>Ce documentaire de Pierre Brouwers vous emmène à la découverte des îles les plus méridionales de l'archipel mythique. Points d'orgue : Amorgos, l'île du "Grand Bleu", Santorin qui, dans son écrin de lave noire,  ne ressemble à aucune autre, et Naxos, l'île de Dyonisos, où a lieu en février un carnaval éblouissant de sons et de couleurs.</t>
  </si>
  <si>
    <t>14:05:00:00</t>
  </si>
  <si>
    <t>P0867269</t>
  </si>
  <si>
    <t>Echappées belles : La Loire des châteaux</t>
  </si>
  <si>
    <t>Echappées belles</t>
  </si>
  <si>
    <t>La Loire des châteaux</t>
  </si>
  <si>
    <t>01:31</t>
  </si>
  <si>
    <t>Damien Pourageaux,Franck Poirier,Frédéric Mianne,Jean-Yves Cauchard,Laurent Bouit,Laurent Lichtenstein,Olivier Corre,Pascal-André Villa,Régis Muller,Simon Watel,Vincent Chaffard</t>
  </si>
  <si>
    <t>Jérôme est en plein vol au-dessus de la Loire. Direction Cheverny ! Il atterrit dans le parc du château. Une arrivée… royale. Constance de Vibraye, la propriétaire, vient à sa rencontre. Charles-Antoine, le mari de Constance, les retrouve. Sa partie à lui, c’est l’entretien du château. Il propose à Jérôme de descendre dans le grenier. Un passage « secret » pour accéder aux campaniles. De là, on peut avoir une vue imprenable. Jérôme se rend maintenant chez un loueur de vélo, compagnon indispensable pour sillonner les bords de Loire. C’est aussi l’opportunité de faire des rencontres inattendues. En regardant au loin, il aperçoit dans le ciel les créatures magnifiques de Michel Gressier : un artiste du cerf-volant. Michel lui propose d’aller découvrir d’autres cerfs-volants, au cœur d’Amboise. Jérôme reprend son vélo et, sur les bords de Loire tombe sur un charmant bateau amarré. L’Amarante, le nom du bateau, fait aussi chambre d’hôtes ! Robin et Sylvain qui s’en occupent proposent à Jérôme d’y passer la nuit.</t>
  </si>
  <si>
    <t>15:20:00:00</t>
  </si>
  <si>
    <t>P0788342</t>
  </si>
  <si>
    <t>Les villages de nos régions : Île-de-France</t>
  </si>
  <si>
    <t>Les villages de nos régions</t>
  </si>
  <si>
    <t>Île-de-France</t>
  </si>
  <si>
    <t>00:25</t>
  </si>
  <si>
    <t>Alex Badin,Alexandre de Seguins,Antoine Coursat,Audrey Varet,Chloé Chovin,Christophe Maillet,Diane Aragou,Dominique Lenglart,Elodie Auguin,Florence Toquereau,Florent Quet,Isabelle Le Guen,Maha Kharrat,Maud Gangler,Nicolas Boero,Pierre Lalanne,Sophie Drumain,Sophie Lesage,Stéphane Trichard</t>
  </si>
  <si>
    <t xml:space="preserve">La région parisienne regorge de trésors insoupçonnés. Principalement concentrés en Seine-et-Marne, autour de la forêt de Fontainebleau, de nombreux villages d’art et d’histoire ponctuent le paysage. Des villages qui ont inspirés les plus grands peintres du 19ème siècle. Notre itinéraire propose de suivre leurs traces. De Maincy avec son célèbre château de Vaux-le-Vicomte à Barbizon, en plein cœur de la forêt de Fontainebleau, découvrons les monuments et la nature qui ont servis de modèles à de nombreux impressionnistes. Tout près de là, une halte gustative s’impose avec la visite de la fabrique de sucre d’orges de Moret-sur-Loing, une recette traditionnelle vieille de 300 ans. Puis retour sur la route des peintres avec le village de Grez-sur-Loing. Son pont du 12ème siècle a été maintes fois immortalisé en peinture. Pour finir, nous allons à La Roche-Guyon, l’un des plus beaux villages du Vexin français avec ses maisons troglodytiques qu’on appelle les Boves et son château du Moyen Age. 
</t>
  </si>
  <si>
    <t>15:55:00:00</t>
  </si>
  <si>
    <t>P0837430</t>
  </si>
  <si>
    <t>Trésors vus du ciel : Le monde secret du Yucatan</t>
  </si>
  <si>
    <t>Undiscovered Vistas</t>
  </si>
  <si>
    <t>Lost World of the Yucatan</t>
  </si>
  <si>
    <t>00:46</t>
  </si>
  <si>
    <t>Canada</t>
  </si>
  <si>
    <t>Dan Hughes</t>
  </si>
  <si>
    <t>La forêt tropicale du Yucatan évolue au sein de la plus vaste étendue de forêt tropicale d’Amérique centrale. L’ensemble des espèces de cette région immaculée et sauvage du Mexique ne pourraient survivre sans un mystérieux monde souterrain. De grandes rivières cachées donnent vie à ce qui ne serait, sans elles, que des terres arides et hostiles. Sculpté par une géologie unique, le sous-sol de la forêt détient le secret de l’apogée et de la chute de l’ancienne civilisation maya et constitue le poumon du Yucatan.</t>
  </si>
  <si>
    <t>16:55:00:00</t>
  </si>
  <si>
    <t>P0847238</t>
  </si>
  <si>
    <t>Vues d'en haut : Dans les Rocheuses du Montana</t>
  </si>
  <si>
    <t>The World From Above</t>
  </si>
  <si>
    <t>USA - Montana, Missoula to Hungry Horse Dam (FRA)</t>
  </si>
  <si>
    <t>00:23</t>
  </si>
  <si>
    <t>United Kingdom</t>
  </si>
  <si>
    <t>Josh Halil,Richard Mervyn</t>
  </si>
  <si>
    <t xml:space="preserve">Notre aventure débute à Missoula, seule ville de notre périple et siège de l’université du Montana. Nous nous enfonçons ensuite au cœur de la forêt nationale de Flathead, refuge du bison autrefois au bord de l’extinction. Cap ensuite vers le parc Bob Marshall Wilderness plus au nord, l’une des plus grandes réalisations des États-Unis en matière de sauvegarde de l’environnement. Nous survolons les immenses montagnes Rocheuses, ligne continentale de partage des eaux qui s’écoulent soit vers l’océan Pacifique à l’ouest, soit vers l’Atlantique à l’est.
</t>
  </si>
  <si>
    <t>17:20:00:00</t>
  </si>
  <si>
    <t>P0847239</t>
  </si>
  <si>
    <t>Vues d'en haut : Dans les Highlands écossaises</t>
  </si>
  <si>
    <t>Scotland - Fort William to the Old Man of Hoy (FRA)</t>
  </si>
  <si>
    <t xml:space="preserve">Notre aventure débute à Fort William, l’une des plus grandes villes des Highlands, et suit le Great Glen Way, la faille géologique qui traverse l’Écosse. Après avoir longé le canal calédonien, nous arrivons au Loch Ness, où se tapit le monstre légendaire le plus célèbre de la planète. Nous traversons ensuite Inverness, la capitale des Highlands qui fut autrefois le théâtre de certaines des batailles les plus sanglantes d’Écosse, avant de poursuivre jusqu’aux terres situées à l’extrémité nord du continent britannique. Après la traversée du détroit des Orcades, nous débarquons sur les îles du même nom à la beauté envoûtante, où nous attendent les mystérieux monuments néolithiques classés au patrimoine mondial de l’UNESCO. Le Old Man of Hoy, l’une des structures naturelles les plus extraordinaires du pays et plus haut stack de Grande-Bretagne, signe la fin de notre périple.
</t>
  </si>
  <si>
    <t>17:50:00:00</t>
  </si>
  <si>
    <t>18:55:00:00</t>
  </si>
  <si>
    <t>P0825121</t>
  </si>
  <si>
    <t>Gare centrale : New York, Grand Central Terminal</t>
  </si>
  <si>
    <t>New York, Grand Central Terminal</t>
  </si>
  <si>
    <t>Jean-Thomas Renaud,Philippe Mac Gaw</t>
  </si>
  <si>
    <t>Que dire de nouveau sur Grand Central Terminal qui n'ait déjà été écrit ou filmé ? La gare apparaît dans les plus grand films d’Hollywood. Pourtant le monument abrite des lieux secrets que peu de gens connaissent. Menacée de destruction dans les années 70, l’histoire de Grand Central nous parle de cette ville monde, grâce aux messages secrets de son architecture. Avec l’aide d’artistes new yorkais comme l’écrivain Marc Lévy, nous partons à la découverte de cette porte gigantesque, monument le plus visité de la ville.</t>
  </si>
  <si>
    <t>20:00:00:00</t>
  </si>
  <si>
    <t>P0876260</t>
  </si>
  <si>
    <t>Des trains pas comme les autres : Cambodge</t>
  </si>
  <si>
    <t>Des trains pas comme les autres</t>
  </si>
  <si>
    <t>Cambodge</t>
  </si>
  <si>
    <t>Alex Badin,Nicolas Boero,William Japhet,Yann Staderoli</t>
  </si>
  <si>
    <t xml:space="preserve">Du sud au nord, des plages paradisiaques de Sihanoukville jusqu’aux temples d’Angkor, l’ancienne capitale de l’Empire Khmer, Philippe Gougler va parcourir le Cambodge grâce à l’unique ligne de chemin de fer du pays, une ligne construite par les français pendant la colonisation. Après une longue période d’abandon, le train a été relancé dans le pays tout récemment, en 2016, les anciennes voies ont été modernisées et le trafic reprend progressivement. 
Au programme : chasse à la tarentule au milieu de la campagne, visite de la capitale Phnom Penh et du Lac Tonlé Sap où Philippe va découvrir la vie au rythme de l’eau et faire la rencontre du peuple cambodgien. 
</t>
  </si>
  <si>
    <t>20:50:00:00</t>
  </si>
  <si>
    <t>P0897553</t>
  </si>
  <si>
    <t>Trajectoires d'Égypte : L’Héritage</t>
  </si>
  <si>
    <t>Trajectoires d'Egypte</t>
  </si>
  <si>
    <t>L’Héritage</t>
  </si>
  <si>
    <t>Romain Fleury</t>
  </si>
  <si>
    <t xml:space="preserve">L’Égypte ancienne a donné au monde les monuments les plus extraordinaires de toute l’humanité. Son histoire longue de 3500 ans s’arrête brutalement avec le triomphe du christianisme au 4ème siècle. Mais cette civilisation extraordinaire n’a pas disparu pour autant. Lorsqu’au 19ème siècle, Jean-François Champollion perce le secret des hiéroglyphes, l’écriture des anciens égyptiens, le monde comprend ce qu’il doit aux anciens égyptiens… L’architecture, les nécropoles, la construction navale et la langue copte des chrétiens égyptiens plongent leurs racines dans cette histoire millénaire. L’Égypte contemporaine est bien la fille de l’Égypte antique. </t>
  </si>
  <si>
    <t>21:45:00:00</t>
  </si>
  <si>
    <t>P0897554</t>
  </si>
  <si>
    <t>Trajectoires d'Égypte : Le désert</t>
  </si>
  <si>
    <t>Le désert</t>
  </si>
  <si>
    <t xml:space="preserve">En sillonnant la terre des Pharaons vers 450 avant notre ère, Hérodote proclame que l’Égypte est un don du Nil. Comme tout visiteur d’hier et d’aujourd’hui, il est frappé par le contraste entre la luxuriance des rives du grand fleuve et l’aridité du désert qui les entoure. Ces étendues inhospitalières recouvrent 96% du pays et seul 1% de la population y vit. Le désert est aussi la porte d’entrée de nombreux envahisseurs étrangers et le domaine des nomades dont la sédentaire Égypte se méfie. Malgré la présence militaire, les égyptiens du Nil n’ont jamais réellement réussi à contrôler ce territoire aride : il reste aujourd’hui le lieu de tous les dangers et de la rébellion. </t>
  </si>
  <si>
    <t>22:45:00:00</t>
  </si>
  <si>
    <t>23:35:00:00</t>
  </si>
  <si>
    <t>24:40:00:00</t>
  </si>
  <si>
    <t>25:35:00:00</t>
  </si>
  <si>
    <t>26:30:00:00</t>
  </si>
  <si>
    <t>Voyage en bande : Le Massif des Écrins</t>
  </si>
  <si>
    <t>Voyage en bande</t>
  </si>
  <si>
    <t>Le Massif des Écrins</t>
  </si>
  <si>
    <t>David Rybojad</t>
  </si>
  <si>
    <t>La Meije, l’Ailefroide, le Râteau… autant de sites et de défis qui font rêver les alpinistes de tous les horizons. Jean-Marc Rochette les a faits siens. Ce Massif des Écrins n’est pas seulement devenu sa terre d’adoption. C’est son terrain de jeux. De grimpeur invétéré tout autant que d’auteur-dessinateur. C’est dans le massif des écrins qu’est située l’action de ses albums Aile froide et Le Loup. Jean-Marc Rochette est aussi le dessinateur du Transperceneige, album mythique des années 80 devenu culte, adapté au cinéma par Bong Jon Hoo en 2013. Son album Le loup est lui aussi en cours d’adaptation pour le cinéma. En plus de la bande dessinée, Rochette est aussi un peintre, sculpteur et illustrateur très inspiré par les grands espaces. Dans ce voyage en bandes, il nous emmène visiter le massif des écrins, là où il a décidé de poser ses valises dans son chalet à 1700 m d’altitude avec face la lui la montagne dans toute sa splendeur.</t>
  </si>
  <si>
    <t>27:30:00:00</t>
  </si>
  <si>
    <t>P0769851</t>
  </si>
  <si>
    <t>J'irai dormir chez vous : Thaïlande</t>
  </si>
  <si>
    <t>J'irai dormir chez vous</t>
  </si>
  <si>
    <t>Thaïlande</t>
  </si>
  <si>
    <t>Antoine De Maximy</t>
  </si>
  <si>
    <t>Antoine débarque sur l'île de Ko Lanta dans le sud de la Thaïlande. C'est un endroit touristique et il décide de s'éloigner. Il loue un tuk-tuk, une sorte de triporteur greffé sur une moto qui lui permet de rencontrer des musulmanes jouant au volley. A la fin de la partie, Kruya accepte de l'accueillir chez elle mais, religion oblige, Antoine devra passer la nuit à l'école. Le voyageur se rend à Lampang, une petite ville dans le nord du pays. Il tombe sur Tui qui lui propose de l'emmener au centre commercial ! Tui est exubérante et la proposition est incongrue, il accepte. Elle l'invite à rencontrer Parn sa patronne dans un restaurant. Antoine se rend ensuite à Bangkok où il atterrit dans un marché de nuit. Il fait la connaissance de jeunes enthousiastes qui tiennent une gargote. Antoine termine son voyage à Chiangmai près de la frontière birmane. Sur la route, il fait la connaissance de Nuch, une jeune femme qui vend toutes sortes de nourritures avec une moto surchargée.</t>
  </si>
  <si>
    <t>28:20:00:00</t>
  </si>
  <si>
    <t>P0897568</t>
  </si>
  <si>
    <t>Les plus beaux treks : Le tour du Mont Blanc</t>
  </si>
  <si>
    <t>Les plus beaux treks</t>
  </si>
  <si>
    <t>Le tour du Mont Blanc</t>
  </si>
  <si>
    <t>Laurent Bouit</t>
  </si>
  <si>
    <t>Le tour du Mont Blanc est un des itinéraires de montagne le plus connu au monde, et c’est sans aucun doute l’itinéraire français le plus fréquenté par les étrangers. 170 kilomètres pour faire le tour du massif le plus haut d’Europe à travers France, Italie et Suisse. Au pied des Grandes Jorasses ou face à la mer de glace, la particularité du sentier est d’offrir des vues imprenables sur le massif, ses sommets et ses glaciers. Un itinéraire de randonnée qui ne nécessite aucune technique d’alpinisme mais qui tutoie ce monde de la très haute montagne. Un sentier en balcon, souvent sur les versants opposés aux plus hauts sommets, qui procure aux marcheurs un sentiment de proximité avec la haute montagne tout en étant en totale sécurité.</t>
  </si>
  <si>
    <t>29:10:00:00</t>
  </si>
  <si>
    <t>22/11/2020</t>
  </si>
  <si>
    <t>P0897614</t>
  </si>
  <si>
    <t>Les sentinelles impériales : Marrakech</t>
  </si>
  <si>
    <t>Julien Naar</t>
  </si>
  <si>
    <t xml:space="preserve">« À grand roi, grande ville » expliquait au XIVème siècle l’historien Ibn Khaldoun. Marrakech fait partie de ces cités dites impériales qui furent érigées par des souverains soucieux d’asseoir leur puissance de la Catalogne à la Mauritanie… Car le Maroc fut pendant des siècles un empire dont l’emprise s’étendait bien au-delà de ses frontières actuelles. Plongeons dans ce passé glorieux, à la rencontre de ceux qui aujourd’hui encore protègent et incarnent les joyaux du patrimoine marocain. </t>
  </si>
  <si>
    <t>P0878810</t>
  </si>
  <si>
    <t>Horizons : Les Pouilles, racines de l'Italie</t>
  </si>
  <si>
    <t>Horizons (collection Productions)</t>
  </si>
  <si>
    <t>Les Pouilles, racines de l'Italie</t>
  </si>
  <si>
    <t>Daniel Lafarge,Eric Bacos</t>
  </si>
  <si>
    <t>Une bonne partie de la « botte » de l’Italie est constituée par la région des Pouilles, dont elle forme le talon. Moins couru que la Toscane, Rome, ou Venise, ce sud profond italien est néanmoins réputé pour le caractère singulier de ses villages blanchis à la chaux, ses habitats troglodytes, ses maisons traditionnelles, les trullis, aux toits coniques. Son riche passé historique a peuplé les côtes maritimes de fortifications, d’églises et cathédrales, sans oublier de vielles fermes magnifiques. Baignée par l’Adriatique et la mer Ionienne, le littoral des Pouilles est une succession de criques et de plages de sable fin dont les eaux d’une transparence étonnante, hésitent entre le vert et le turquoise. L’art de vivre et la gastronomie sont à la hauteur de la beauté des paysages, tout y est authentique et préservé. Fêtes religieuses, carnaval, festivals rythment l’année dans des rassemblements populaires animés.</t>
  </si>
  <si>
    <t>13:05:00:00</t>
  </si>
  <si>
    <t>P0876261</t>
  </si>
  <si>
    <t>Des trains pas comme les autres : Suisse</t>
  </si>
  <si>
    <t>Suisse</t>
  </si>
  <si>
    <t>Dans cet épisode, Philippe Gougler nous emmène en Suisse, en hiver. Et quand il fait froid, rien de tel qu’une bonne fondue, mais à bord d’un train ! Dans la région de Gruyères, des passionnés font rouler un petit train gastronomique. Puis au cours d’une balade en forêt, il va tomber nez à nez avec des adeptes de Tummo, une forme de Yoga qui se pratique presque nu, dans la neige ! La Suisse compte de nombreuses voies ferrées, et celle du Bernina Express est incontournable quand on aime les trains : des paysages à couper le souffle entre Suisse et Italie. Philippe descendra à Saint-Moritz, station huppée où il découvrira la plus vieille piste de bobsleigh en glace naturelle au monde, avant de faire une étape dans la vallée de Joux, pour rencontrer un spécialiste de l’horlogerie compliquée. Direction le pic de la Jungfrau, où un train incroyable grimpe au sommet dans la montagne, à 3 454 mètres d'altitude, la gare la plus haute d’Europe. Philippe achèvera son voyage à Lausanne, avec une étonnante tradition…</t>
  </si>
  <si>
    <t>15:05:00:00</t>
  </si>
  <si>
    <t>15:30:00:00</t>
  </si>
  <si>
    <t>16:00:00:00</t>
  </si>
  <si>
    <t>P0807456</t>
  </si>
  <si>
    <t>Le Japon entre ciel et terre : Les îles bleues du Sud</t>
  </si>
  <si>
    <t>Le Japon entre ciel et terre</t>
  </si>
  <si>
    <t>Les îles bleues du Sud</t>
  </si>
  <si>
    <t>Eric Beaufills,Thomas Cazals</t>
  </si>
  <si>
    <t>Le Japon est un archipel d'une richesse naturelle immense. Les grandes îles du sud, Shikoku, Kyushu et Okinawa, avec leur atmosphère sereine, sont le berceau de la spiritualité japonaise. Au milieu de paysages spectaculaires, ce voyage entre mer et ciel à la découverte des îles mystiques et sauvages du Sud dévoilera le visage d'un Japon secret.</t>
  </si>
  <si>
    <t>17:00:00:00</t>
  </si>
  <si>
    <t>18:00:00:00</t>
  </si>
  <si>
    <t>19:00:00:00</t>
  </si>
  <si>
    <t>P0897570</t>
  </si>
  <si>
    <t>Les plus beaux treks : La Guadeloupe</t>
  </si>
  <si>
    <t>La Guadeloupe</t>
  </si>
  <si>
    <t>Dans la liste des destinations treks en Outre-Mer, la Guadeloupe ne vient pas forcément en tête de liste. Et pourtant, l’île ne manque pas d’atouts pour peu qu’on ait une certaine expérience du milieu tropical. L’offre trek en Guadeloupe est moins structurée qu’à la Réunion et les parcours sont plus difficiles qu’en Martinique. Mais avec un bon guide, l’exploration de Basse terre, la partie la plus montagneuse de l’île peut se révéler franchement spectaculaire et aventureuse.
La Guadeloupe est divisée en deux grandes parties. Grande terre qui est le poumon économique de l’île et la zone la plus peuplée, et Basse Terre qui est peuplée uniquement sur la côte et dont la partie centrale est traversée par une chaîne de montagne recouverte par la forêt, au bout de laquelle trône la Soufrière, volcan toujours très actif. Les randonneurs se tourneront naturellement du côté de Basse Terre, véritable sanctuaire de biodiversité qui est un appel à l’exploration.</t>
  </si>
  <si>
    <t>V1026721</t>
  </si>
  <si>
    <t>Découvrir le monde : Colombie, la fête du sourire</t>
  </si>
  <si>
    <t>Colombie, la fête du sourire</t>
  </si>
  <si>
    <t>Loin des clichés et des mythes véhiculés par certains médias, la Colombie affiche l'un des taux de croissance les plus forts d'Amérique latine. Pierre Brouwers a sillonné un pays doté d'une variété de paysages insoupçonnée, des sommets andins à la forêt amazonienne en passant par les côtes pacifique et caraïbe. Dans les villes à l'occidentale ou dans les quartiers coloniaux, dans les villages de pêcheurs comme dans les campagnes, le film va à la rencontre d'une population désarmante d'optimisme, qui ne demande qu'à mieux faire connaître son pays. Une découverte permanente.</t>
  </si>
  <si>
    <t>21:50:00:00</t>
  </si>
  <si>
    <t>P0863764</t>
  </si>
  <si>
    <t>Horizons : Les petites perles des Caraïbes</t>
  </si>
  <si>
    <t>Horizons (collection Acquisitions)</t>
  </si>
  <si>
    <t>Les petites perles des Caraïbes</t>
  </si>
  <si>
    <t>Eric Bacos</t>
  </si>
  <si>
    <t>Les petites Antilles s’étirent du sud de l’arc antillais jusqu’au sous-continent sud-américain. Petites sœurs discrètes des Grandes Antilles, la Barbade, Saint Vincent et les Grenadines sont autant de perles d’un chapelet baptisé les « îles du vent ». Plus méconnues, elles offrent au voyageur une authenticité revigorante et une nature encore largement préservée. Leurs populations d’origine amérindienne se sont métissées lors de la colonisation européenne et de l’afflux d’esclaves africains. Aujourd’hui, ils ont élevé la douceur de vivre à une forme d’art. Parenthèses de calme et de beauté, ces (ex)confettis de l’Empire britannique sont bien éloignées des images convenues des Caraïbes.</t>
  </si>
  <si>
    <t>22:50:00:00</t>
  </si>
  <si>
    <t>23:50:00:00</t>
  </si>
  <si>
    <t>25:40:00:00</t>
  </si>
  <si>
    <t>27:20:00:00</t>
  </si>
  <si>
    <t>28:15:00:00</t>
  </si>
  <si>
    <t>29:40:00:00</t>
  </si>
  <si>
    <t>23/11/2020</t>
  </si>
  <si>
    <t>P0785170</t>
  </si>
  <si>
    <t>Cuba, l'île sanctuaire : Les mondes intérieurs</t>
  </si>
  <si>
    <t>Cuba, l'île sanctuaire</t>
  </si>
  <si>
    <t>Les mondes intérieurs</t>
  </si>
  <si>
    <t>Pierre Belet</t>
  </si>
  <si>
    <t>Le rapprochement historique entre Cuba et les États-Unis et la levée récente de l’embargo invitent à re-découvrir cette île mythique. Quasi-coupée du monde pendant près de 60 ans, Cuba a su s’adapter, développer un art de la débrouille et affirmer sa singularité, son identité. Elle a su inventer un modèle de développement raisonné. Et celle qu’on considérait hier comme l’enfant rebelle des caraïbes pourrait bien être regardée aujourd’hui comme l’enfant modèle.
Nous partirons à la rencontre des hommes et des femmes qui entretiennent chaque jour cet art de vivre à la cubaine, mélange d’un patrimoine revendiqué et symbole d’une société tournée vers l’avenir.
Des danseurs traditionnels de tumba francesa aux Cocodrileros de la Baie des Cochons, en passant par les producteurs de cigares et des scientifiques soucieux de préserver la biodiversité unique de l’île, nous découvrirons comment l’esprit cubain a façonné une société originale empreinte d’une modernité insoupçonnée.</t>
  </si>
  <si>
    <t>P0877843</t>
  </si>
  <si>
    <t>Voyage à travers les couleurs : La France en jaune</t>
  </si>
  <si>
    <t>Voyage à travers les couleurs : La France</t>
  </si>
  <si>
    <t>La France en jaune</t>
  </si>
  <si>
    <t>Carole Greco</t>
  </si>
  <si>
    <t>Le jaune ne figure pas parmi les couleurs du drapeau français. Et pourtant que ce soit sur terre ou sous terre, dans les champs de l’arrière-pays ou proche de la mer, le jaune se retrouve partout dans les paysages français. Il symbolise la richesse de cette terre baignée de soleil. Admirons les pentes dorées de la dune du Pilat, les émaux vénitiens faits de verre et d’or à Marseille, le palais idéal du facteur Cheval, un monument époustouflant bâti à base de pierres jaunes. Explorons le paysage féérique des orgues d’Ille-sur-Têt, un patrimoine exceptionnel de roches jaunes qui s’est formé il y a 5 millions d’années ; le domaine de Francis Fritsch Colmar, à deux pas de Colmar la capitale des vins d’Alsace qui se pare de jaune à la période des vendanges. Enfin, rendez-vous à Menton, ville surnommée la « perle de la France » où le citron est roi. Découvrons la France à travers la couleur jaune.</t>
  </si>
  <si>
    <t>P0805376</t>
  </si>
  <si>
    <t>Regarde le monde : Amusez-vous</t>
  </si>
  <si>
    <t>Regarde le monde</t>
  </si>
  <si>
    <t>Amusez-vous</t>
  </si>
  <si>
    <t>00:27</t>
  </si>
  <si>
    <t>Antonin Broutard,Aurélia Michon,Carole Pujol,Jean-Marc Chauvet,Laurent Gracia,Mathieu Despiau,Maxime Souville,Sophie Vernet,Virginie Berda,Yann Streff</t>
  </si>
  <si>
    <t>« Regarde le monde » dessine pour vous les contours des plus belles destinations du globe… Notre voyage débute à Tokyo, véritable temple dédié au divertissement. Akihabara est le quartier des mordus de jeux vidéo et des mangas où de nombreux Tokyoïtes peuvent vivre une vie de super héros. Dans l’ouest américain, on s’évade en musique… David Wooden est animateur dans une radio qui diffuse exclusivement de la country, une musique née au 18ème siècle par le biais des migrants anglo-saxons venus vivre le rêve américain. En Inde, le cinéma bollywoodien est l’instrument de tous les rêves, la plus grosse industrie cinématographique au monde… Plus de 1 300 longs métrages y sont produits chaque année. A Singapour, le divertissement est devenu un modèle… Souhaitant devenir la référence dans le domaine, le projet de la ville est de détrôner Las Vegas. Enfin, à Madrid, c’est le soir que la ville s’électrise et s’enthousiasme… À la fin de la dictature franquiste, les nuits madrilènes sont devenues des nuits de fêtes.</t>
  </si>
  <si>
    <t>09:25:00:00</t>
  </si>
  <si>
    <t>P0841066</t>
  </si>
  <si>
    <t>Echappées belles : Echappée au Pays de Galles</t>
  </si>
  <si>
    <t>Echappée au Pays de Galles</t>
  </si>
  <si>
    <t>01:30</t>
  </si>
  <si>
    <t>Damien Pourageaux,Fred Mianne,Jean-Yves Cauchard,Laurent Bouit,Laurent Lichtensztajn,Olivier Corre,Olivier Lacaze,Pascal-André Villa,Simon Watel,Vincent Chaffard</t>
  </si>
  <si>
    <t>Sophie et Ross sont déjà en tenue d’aventuriers pour affronter l’immensité du parc national de Snowdonia. Ils s’équipent de casques et débutent leur ascension dans la vallée de Gwynedd et la forêt de Beddgelert. Sophie rejoint le village de Llanfairfechan. Gareth Wyn jones et ses centaines de mouton y habitent. Gareth annonce l’ordre du jour : nourrir et soigner ses animaux. De retour à la ferme, grâce aux chiens de berger, Gareth rassemble ses moutons. Enfin, l’appel de la table réunit toute la famille : la femme de Gareth a préparé un bon repas avec la viande de mouton de leur élevage. Sophie et Gareth se rendent en voiture à Anglesey. Le décor change du tout au tout : plus de montagne et grands espaces, mais de l’eau tout autour de cette petite île. Gareth a une livraison à faire chez son boucher à Conwy. Sophie monte à bord du train ‘Heart of Wales’ en direction du Sud. Direction Llanwrtyd Wells, le plus petit village gallois. Dans ce tout petit village, les gens pensent en grand.</t>
  </si>
  <si>
    <t>P0897574</t>
  </si>
  <si>
    <t>Les plus beaux treks : Les Écrins</t>
  </si>
  <si>
    <t>Les Écrins</t>
  </si>
  <si>
    <t>Le Grand Tour des Ecrins ou GR54 est, avec le Tour du Mont Blanc et celui de la Vanoise, un des trois grands itinéraires alpins en boucle. Mais c’est sans aucun doute le plus sauvage et aussi le plus difficile avec ses 180 kilomètres et 14 000 mètres de dénivelé. Un itinéraire qui fait le tour du Massif des Ecrins dominé par des montagnes emblématiques comme la Barre des Ecrins ou la Meije, et avec les glaciers les plus au sud des Alpes.
Nous suivons Yannis Turlais, un accompagnateur en montagne au parcours singulier puisque Yannis est né et a grandi en banlieue parisienne. Avec lui nous allons cheminer pendant dix jours sur ce Grand Tour des Écrins, mais aussi en sortir pour pouvoir prendre un peu plus de recul sur les sommets du massif. Un vrai trek de haute montagne, exigeant et sans concessions !</t>
  </si>
  <si>
    <t>P0897569</t>
  </si>
  <si>
    <t>Les plus beaux treks : Les Pyrénées Orientales</t>
  </si>
  <si>
    <t>Les Pyrénées Orientales</t>
  </si>
  <si>
    <t xml:space="preserve">Entre Ax-les-Thermes et la mer Méditerranée, les Pyrénées Orientales sont un fabuleux terrain de jeu pour les trekkeurs avec une météo souvent au beau fixe. Le GR 10 est l’itinéraire classique pour traverser ces montagnes mais une multitude d’autres itinéraires permettent de construire un cheminement à la carte, entre la Capcir, le massif du Madrès, les gorges de la Carança, et la grande crête frontière qui mène au Pic Canigou, et au-delà à Collioure. Un territoire fortement marqué par l’identité Catalane pour laquelle le Canigou est une montagne emblématique et sacrée. </t>
  </si>
  <si>
    <t>P0849524</t>
  </si>
  <si>
    <t>Un piano sur les routes de l'Himalaya : En marche vers le Tibet</t>
  </si>
  <si>
    <t>Un piano sur les routes de l'Himalaya</t>
  </si>
  <si>
    <t>En marche vers le Tibet</t>
  </si>
  <si>
    <t>Alexandre Sattler,Françoise Schöller</t>
  </si>
  <si>
    <t>Avec une quarantaine de compagnons de voyage et son précieux piano, Marc Vela traverse les pays de l'Himalaya. Aidés par la musique, ils vont à la rencontre des habitants inventant à chaque fois un langage commun fait de gestes et de rires. Une singulière odyssée himalayenne aux mille rebondissements. Premiers contacts, premières gageures : récupérer le piano fraîchement débarqué de l’avion en Inde et le préparer pour la longue route jusqu’à la frontière chinoise, au pied du « toit du monde ». Mais entre la pluie, les pannes et le labyrinthe des autorisations administratives, rien ne va se passer comme prévu… Sauf les concerts, qui donneront lieu à des instants magiques. Quand des rencontres naissent sur un air de musique…</t>
  </si>
  <si>
    <t>P0849525</t>
  </si>
  <si>
    <t>Un piano sur les routes de l'Himalaya : Sur le toit du monde</t>
  </si>
  <si>
    <t>Sur le toit du monde</t>
  </si>
  <si>
    <t>La caravane poursuit son expédition sur les routes de l’Himalaya. Forte d’une quarantaine de personnes, elle est partie d’Inde il y a 15 jours, vient de traverser le Népal et arrive enfin au Tibet, point d’orgue de cette épopée. « Nous sommes au Tibet ! »… Dans le bus, la joie éclate, tout le monde chante, applaudit, s’embrasse… Le rêve est au bout de chemin… Mais quel chemin ! La route escarpée et les pièges de la très haute altitude éprouvent les voyageurs. Cette région du monde se mérite et les paysages à couper le souffle valent bien quelques difficultés. Dans quelques heures, ce sera Lhassa et la joie de se laisser porter, avec des milliers de spectateurs, par les tourbillons colorés du Festival Shoton, la grande manifestation culturelle traditionnelle tibétaine.</t>
  </si>
  <si>
    <t>15:00:00:00</t>
  </si>
  <si>
    <t>P0878854</t>
  </si>
  <si>
    <t>Rêve d'Himalaya : 1ère partie</t>
  </si>
  <si>
    <t>Rêve d'Himalaya</t>
  </si>
  <si>
    <t>1ère partie</t>
  </si>
  <si>
    <t>Steven Le Hyaric</t>
  </si>
  <si>
    <t xml:space="preserve">Ancien coureur cycliste, Steven Le Hyaric, s’est trouvé une âme d’aventurier. À 33 ans, il accompli à vélo la traversée de l’Himalaya népalais, sur une des traces les plus difficiles au monde, le Great Himalaya Trail. 2000 kilomètres à parcourir en moins de 60 jours et 20 cols à franchir à plus de 5000 mètres d’altitude, c’est le défi que s’est lancé cet amoureux des montagnes. Rouler sur l’impossible, au plus près des étoiles, avec comme seul objectif la réalisation de son rêve d’Himalaya.
Depuis Taplejung, avec le sherpa Ngawang, Steven a mis une semaine pour atteindre le camp de base du Kangchenjunga, 3ème plus haut sommet du monde. C’est aussi le point de départ du Great Himalaya Trail. </t>
  </si>
  <si>
    <t>P0878855</t>
  </si>
  <si>
    <t>Rêve d'Himalaya : 2ème partie</t>
  </si>
  <si>
    <t>2ème partie</t>
  </si>
  <si>
    <t>Ancien coureur cycliste, Steven Le Hyaric, s’est trouvé une âme d’aventurier. À 33 ans, il accompli à vélo la traversée de l’Himalaya népalais, sur une des traces les plus difficiles au monde, le Great Himalaya Trail. 2000 kilomètres à parcourir en moins de 60 jours et 20 cols à franchir à plus de 5000 mètres d’altitude, c’est le défi que s’est lancé cet amoureux des montagnes. Rouler sur l’impossible, au plus près des étoiles, avec comme seul objectif la réalisation de son rêve d’Himalaya.
Trois semaines déjà que Steven roule sur le ciel, dans la neige, ou dans la moiteur de la jungle. Il lui reste 1500 kilomètres à parcourir. Dans les villages, il est reçu les bras ouverts, avec des sourires qui lui réchauffent le coeur. La souffrance physique est aussi présente et il lui faut une grande force morale pour continuer sans s’arrêter afin d’atteindre son objectif.
Mais le paysage est à la mesure de l’effort. L’Himalaya le porte…</t>
  </si>
  <si>
    <t>17:05:00:00</t>
  </si>
  <si>
    <t>P0876259</t>
  </si>
  <si>
    <t>Des trains pas comme les autres : Equateur</t>
  </si>
  <si>
    <t>Equateur</t>
  </si>
  <si>
    <t xml:space="preserve">Philippe Gougler commence son voyage au pied du Chimborazo, un volcan de la Cordillère des Andes, dans la gare la plus haute du pays, perchée à 3610 mètres. Il traverse le pays à bord de trains touristiques aux paysages magnifiques et aux dénivelés vertigineux. À quelques kilomètres de Quito, la capitale, il rencontre un prêtre que les croyants attendent avec grande impatience. Ensuite, il quitte la Cordillère pour découvrir la vie au fin fond de l’Amazonie. Il prend un train-bus surprenant suivi par des motards cascadeurs, qui le ramène dans le nord du pays pour terminer son aventure, à la rencontre de Carolina, une guérisseuse un peu particulière… </t>
  </si>
  <si>
    <t>P0807446</t>
  </si>
  <si>
    <t>Le Japon entre ciel et terre : L'île au pied de la montagne</t>
  </si>
  <si>
    <t>L'île au pied de la montagne</t>
  </si>
  <si>
    <t>Le Japon, terre de modernité et de traditions s’est développée au rythme de l’île principale Honshu. Au pied du Mont Fuji, elle est la plus grande et la plus peuplée de l’archipel. Blessée par les séismes et les guerres, elle abrite la capitale Tokyo et l’ancienne ville impériale Kyoto. Ce voyage entre ciel et terre, au cœur de la troisième puissance économique mondiale nous plonge dans la vie intime d’un peuple et de son Histoire.</t>
  </si>
  <si>
    <t>20:05:00:00</t>
  </si>
  <si>
    <t>P0897563</t>
  </si>
  <si>
    <t>Gare centrale : Lisbonne Estação do Rossio, la voie de la saudade</t>
  </si>
  <si>
    <t>Lisbonne Estação do Rossio, la voie de la saudade</t>
  </si>
  <si>
    <t>Lisbonne abrite plusieurs gares merveilleuses dont la plus somptueuse, Rossio, un trésor d’architecture et d’ingéniosité. Si la gare est aussi remarquable c’est peut-être parce qu’elle ressemble davantage à un palais fantastique, au style roman mâtiné de gothique flamboyant, sur lequel soufflerait la fantaisie du baroque. Pour ses concepteurs à la fin du 19ème siècle, il fallait célébrer l'opulence du pays qui faisait son entrée dans l’ère industrielle. Le style néo manuélin rappelle la splendeur du règne de Manuel 1er au 15ème siècle, alors que le Portugal dominait tous les océans. Mais Rossio est aussi un trésor d'ingénierie et d’architecture industrielle qui dissimule un système complexe d’élévation, complètement invisible depuis la place du Rossio. Le Portugal est conscient de l’urgence à préserver son patrimoine urbain, et la gare a retrouvé son lustre d’antan grâce à une belle rénovation. Icône de la ville, la “saudade”, cette douce nostalgie lisboète, y flotte partout dans ses couloirs et ses halls.</t>
  </si>
  <si>
    <t>P0812612</t>
  </si>
  <si>
    <t>Gare centrale : Le Caire, gare Ramsès</t>
  </si>
  <si>
    <t>Le Caire, gare Ramsès</t>
  </si>
  <si>
    <t>Première gare du continent africain, la gare Ramsès a certes évolué, mais on y respire toujours ces parfums de la mer venus du port d’Alexandrie qu’elle dessert plusieurs fois par jour. Et l’on y croise toujours des paysans tout droit débarqués de Haute-Egypte. Comme dans le chef d’œuvre de Youssef Chahine « Gare Centrale » tourné ici-même en 1958. Avec l’aide de témoins illustres comme l’écrivain Allah El Aswany, nous découvrons que la gare Ramsès est à l’image du Caire : porte d’Egypte, ville monde, la Babel de l’Orient.</t>
  </si>
  <si>
    <t>26:35:00:00</t>
  </si>
  <si>
    <t>28:30:00:00</t>
  </si>
  <si>
    <t>29:30:00:00</t>
  </si>
  <si>
    <t>24/11/2020</t>
  </si>
  <si>
    <t>V1023071</t>
  </si>
  <si>
    <t>Les Trains de l'Extrême : Cuba, la route du sucre</t>
  </si>
  <si>
    <t>Tough Trains</t>
  </si>
  <si>
    <t>Sugar Train Cuba</t>
  </si>
  <si>
    <t>Chris Ledger,Kay Tooth,Lisa Dupenois,Navin Thapar</t>
  </si>
  <si>
    <t>Dans cet épisode, Ian Wright se rend à Cuba. Sur cette île, la plus grande des caraïbes, il suit les traces d'une ligne ferroviaire dont les trains sont excessivement vétustes et toujours en retard. Pourtant, Cuba fut une des premières nations au monde à se doter d'un réseau ferré, pour transporter la production de sucre dans toute l'île. C'est à bord de ce train historique, sur la route du sucre, que Ian visite Cuba : de La Havane à Trinidad, en passant par Santa Clara et Cienfuegos.</t>
  </si>
  <si>
    <t>P0877841</t>
  </si>
  <si>
    <t>Voyage à travers les couleurs : La France en bleu</t>
  </si>
  <si>
    <t>La France en bleu</t>
  </si>
  <si>
    <t>Avec plus de 5500 km de côtes, la couleur bleue évoque les vagues de l’Atlantique ou le calme de la Méditerranée. Dans l’hexagone, c’est surtout un emblème national qui unit les Français. Rendons-nous sur l’île de beauté, la Corse, qui sait se faire désirer et se pare d’un joyau unique : Bonifacio. Découvrons aussi Arras, mondialement connue pour son architecture baroque et ses fameuses porcelaines bleues. Chaque été, Bourges se pare d’une lueur bleue ! Des scénographies content son histoire sur les façades de monuments emblématiques. Perchée sur un éperon calcaire et labellisée ville d’art et d’histoire, l’incontournable ville de Lectoure abrite une plante aux fleurs jaunes, dont les feuilles vertes produisent un pigment bleu. De la sorcellerie au divin, le bleu s’est imposé au Moyen-Âge. La cathédrale de Chartres, aux vitraux remarquables, est considérée par l’Unesco comme un chef d’œuvre du génie humain. Enfin, explorons le plateau d’Albion dont les magnifiques paysages colorés de lavande font la renommée.</t>
  </si>
  <si>
    <t>P0805378</t>
  </si>
  <si>
    <t>Regarde le monde : Français sans la France</t>
  </si>
  <si>
    <t>Français sans la France</t>
  </si>
  <si>
    <t>00:26</t>
  </si>
  <si>
    <t>« Regarde le monde » dessine pour vous les contours des plus belles destinations du globe… Début du voyage aux Baléares, destination phare pour les français en quête de renouveau… 70% du P.I.B. des Baléares proviennent du tourisme. Arrivé en tant que tel, Claude, retraité, a décidé de s’installer durablement à Palma de Majorque. Certains français choisissent le Canada pour changer de vie… Tous les ans, ils sont entre 3 000 et 4 000 français à s’installer au Québec, un chiffre qui augmente sans cesse. En quête de gloire, New York est l’eldorado des jeunes talents venant de l’Hexagone. Broadway est le rêve américain de tous les artistes. Floanne, comédienne et chanteuse, a quitté son Grenoble natal à dix-sept ans pour y vivre. En Louisiane, la France fait partie du paysage culturel… 200 000 personnes, nommés les Cajuns, y parlent français. La langue française rayonne aussi au Qatar, où elle a un vrai succès… Récemment, le pays est devenu membre associé des pays de la francophonie.</t>
  </si>
  <si>
    <t>P0841313</t>
  </si>
  <si>
    <t>Echappées belles : Chili, de Santiago au désert de l'Atacama</t>
  </si>
  <si>
    <t>Chili, de Santiago au désert de l'Atacama</t>
  </si>
  <si>
    <t>À Santiago, Jérôme arrive dans le quartier de Bellas Artes, nouveau quartier à la mode, et se dirige vers le local de “La Bicicleta verde” et y retrouve Joel, l’un des fondateurs de cette société de location de vélo. Ils prennent donc des bicyclettes pour découvrir le Santiago « Guachaga », authentique et populaire. Ils marquent un arrêt devant le palacio de la Moneda, palais de l’Elysée local. Cet édifice marque les temps forts de l’histoire du Chili. Après avoir découvert le Mercado La Vega (l’un des plus grands marchés de fruits et légumes du monde), ils achèvent leur journée par l’ascension du Cerro san cristobal, le plus grand parc de la ville culminant à 869 mètres. Jérôme quitte son ami Joël et prend la direction de l’ouest pour rejoindre la ferme des parents de Maria, à 70 km de Santiago. À 8h ce matin, Lena est déjà sur le qui-vive et s’apprête à se rendre aux écuries. Ici on n’élève que des chevaux 100% chiliens. Ils vont à la rencontre de José, le père d’Elena, un vrai passionné.</t>
  </si>
  <si>
    <t>Les plus beaux treks : Le Morvan</t>
  </si>
  <si>
    <t>Le Morvan</t>
  </si>
  <si>
    <t>Le Morvan n’est pas le massif montagneux le plus spectaculaire, mais c’est celui qui est le plus proche de Paris ! Un fabuleux terrain de jeu qui gagne à être connu pour les randonneurs et tous les amoureux des sports outdoors ! Des forêts qui se répartissent entre feuillus majestueux et grands conifères, des rivières secrètes et bouillonnantes, des sommets pas si petits que ça, et surtout cinq grands lacs artificiels qui font toute la spécificité du territoire. 
Dans les pas de Thierry Martin qui développe les sports de pleine nature dans le Morvan depuis une dizaine d’années, nous traversons le massif du Nord au Sud, de Vézelay au Mont Beuvray, en pratiquant toutes formes d’itinérances. La marche à pied bien sûr, mais aussi le vélo, le trail, le canoë, et même la nage pour traverser les immenses lacs qui constellent le Morvan. Une belle balade très sportive, avec sensations fortes assurées !</t>
  </si>
  <si>
    <t>P0767097</t>
  </si>
  <si>
    <t>Voyage et Bonnes manières en Tunisie</t>
  </si>
  <si>
    <t>Voyage &amp; Bonnes manières</t>
  </si>
  <si>
    <t>Véronique Jacquinet</t>
  </si>
  <si>
    <t xml:space="preserve">Dans sa croisade pour le respect du savoir-vivre des terriens, Véronique Jacquinet part sur le sol tunisien, étudier les codes qui nous permettront de conquérir le cœur d’un peuple généreux et extrêmement amical, qui ne demande qu’à nous faire découvrir la stupéfiante beauté de son territoire. Des richesses de la Médina de Tunis aux luxuriantes palmeraies de Tozeur, en passant par les canyons et le désert salé du Djérid tunisien, décors de cinéma pour Star Wars et Indiana Jones, Véronique croise des personnages hauts en couleur, qui vont lui dévoiler l’art de la courtoisie en Tunisie. </t>
  </si>
  <si>
    <t>P0867975</t>
  </si>
  <si>
    <t>Découverte de la Belgique : Au fil de l'eau</t>
  </si>
  <si>
    <t>Découverte de la Belgique</t>
  </si>
  <si>
    <t>Au fil de l'eau</t>
  </si>
  <si>
    <t>Cécile Clocheret,François Picard</t>
  </si>
  <si>
    <t>Se laisser entraîner en Belgique au gré de l’eau ? Une belle idée ! Le film raconte à quel point son destin est lié à cet élément et aux nombreux défis relevés pour s’en protéger, puis le maîtriser et le convertir en atout ! Une prouesse qui relève d’hommes et de femmes qui, au fil des siècles, ont rivalisé d’imagination pour faire de l’eau leur alliée.
Sur ses trois fleuves – la Meuse, l’Escaut et l’Yser –, elle a bâti ses villes majeures. Sa capitale s’érige sur l’un des canaux qui tissent, entre les trois bassins, un maillage hydraulique serré. De polders en canaux, d’ascenseurs fluviaux en gigantesques ports, l’eau a permis au pays de rester libre, d’innover et d’être un pionnier de la révolution industrielle ! Fleuves, rivières et rus constituent les fils d’une histoire commune. Depuis les hauts-plateaux jusqu’à la côte, c’est de l’eau qui coule dans les veines de la Belgique… De lieux emblématiques en cérémonies méconnues, s’immerger dans ce territoire singulier révèle un peuple inventif et authentique.</t>
  </si>
  <si>
    <t>14:00:00:00</t>
  </si>
  <si>
    <t>P0867976</t>
  </si>
  <si>
    <t>Découverte de la Belgique : Au fil des jours heureux</t>
  </si>
  <si>
    <t>Au fil des jours heureux</t>
  </si>
  <si>
    <t>Profiter des beaux jours en Belgique ! Et pourquoi pas ? Le film dévoile un pays à la croisée des routes, qui, grâce à la multitude d’influences dont il peut s’enorgueillir, s’avère être une destination de rêve quand surviennent les prémices de l’été… Sous le soleil de la belle saison, il offre un visage fort méconnu, rayonnant et réjouissant ! 
De juin à septembre, le territoire entier regorge de rendez-vous et d’activités. La région des polders, quadrillée de canaux, est le paradis des cyclistes, le littoral, celui des baigneurs ! Les villes ont le sens de la fête, et les villages, celui de la convivialité. Les jours heureux de l’été offrent mille occasions de découvrir cette richesse. La saison invite à poser un regard neuf sur une Belgique étonnante, chaleureuse, festive et fière de ses traditions millénaires. L’éventail du programme est large entre nature inspirante, trésors d’architecture et patrimoine vivant.</t>
  </si>
  <si>
    <t>P0838281</t>
  </si>
  <si>
    <t>Roues libres : Ecosse</t>
  </si>
  <si>
    <t>Roues libres</t>
  </si>
  <si>
    <t>Ecosse</t>
  </si>
  <si>
    <t>00:50</t>
  </si>
  <si>
    <t>Pat Marcel,Stephan Guilhou,Vincent Bathily</t>
  </si>
  <si>
    <t>Alice Tumler débarque à Glasgow et fait le tour des Highlands à bord de son vélo pliable. Sur son trajet, elle rencontre des tailleurs, des éleveurs, mais aussi des cheminots et des conducteurs de bac. Tous lui font découvrir et comprendre ce que sont les Highlands : leurs paysages, leurs lacs, leurs légendes. Elle parcourt quelques centaines de kilomètres avant de rejoindre Edimbourg.</t>
  </si>
  <si>
    <t>16:05:00:00</t>
  </si>
  <si>
    <t>Merveilles de l'UNESCO : Croatie</t>
  </si>
  <si>
    <t>Croatie</t>
  </si>
  <si>
    <t xml:space="preserve">
</t>
  </si>
  <si>
    <t>P0806814</t>
  </si>
  <si>
    <t>En train à travers... Le Nord de la Suède</t>
  </si>
  <si>
    <t>Life at the Arctic Circle : Sweden's North by train</t>
  </si>
  <si>
    <t>00:43</t>
  </si>
  <si>
    <t>Germany</t>
  </si>
  <si>
    <t>Torben Schmidt</t>
  </si>
  <si>
    <t>Si l’extrême nord de l’Europe est synonyme d’étendues désertes, d’interminables hivers et d’absence totale de soleil lors des mois les plus sombres de l’année, il réserve de bien belles surprises. Le quotidien au cercle polaire arctique, ce sont aussi des aventures naturelles intenses, une paix et une sérénité infinies ainsi que le merveilleux ballet offert par les aurores boréales. Ce voyage en train nous emmènera de Luleå en Suède à Narvik en Norvège ; du golfe de Botnie, en passant par le cercle polaire arctique et la Laponie suédoise, jusqu’à la mer de Norvège et ses fjords adjacents.</t>
  </si>
  <si>
    <t>P0848450</t>
  </si>
  <si>
    <t>Archipels de feu : Cap-Vert</t>
  </si>
  <si>
    <t>Croisière : Archipels de feu</t>
  </si>
  <si>
    <t>Cap-Vert</t>
  </si>
  <si>
    <t>Alain Dayan,Christophe Boyer,Sam Caro,Sandrine Dumas</t>
  </si>
  <si>
    <t>Ce documentaire repose sur une dualité spectaculaire. L’Océan. Immense, puissant, qui décline à l’infini sa palette de bleus profonds et de verts chatoyants. Le Volcan. Imprévisible, tonitruant qui crache des panaches de fumée blanche et des coulées de lave incandescentes. L’eau et le feu, lorsqu’ils se rencontrent, produisent des paysages à couper le souffle. Nés de l’opposition des plaques tectoniques qui s’entrechoquent dans les tréfonds de la planète, des archipels de feu dérivent au milieu des océans. Soumis aux tempêtes de l’océan comme aux colères des volcans, l’Homme, questionné par tant de mystères, a trouvé refuge dans les croyances et les superstitions. Un affrontement dantesque qui a nourri de nombreuses civilisations. Mers et volcans dessinent les contours de cette collection documentaire. L’équipe embarque à bord d’un bateau de croisière et d’exploration, et met le cap vers une région du monde où l’activité volcanique est exceptionnelle : les îles du Cap-Vert dans l’Atlantique Sud.</t>
  </si>
  <si>
    <t>P0843368</t>
  </si>
  <si>
    <t>L'Espagne vue du ciel : L'intérieur des terres</t>
  </si>
  <si>
    <t>Aerial Spain</t>
  </si>
  <si>
    <t>The Spanish Inland</t>
  </si>
  <si>
    <t>Spain</t>
  </si>
  <si>
    <t>Rubén Artalejo</t>
  </si>
  <si>
    <t xml:space="preserve">Partez à la découverte de l’intérieur des terres espagnoles, un paysage onirique jalonné de villages, de rivières, de montagnes et de vallées. Au milieu des côtes ensoleillées, des plaines verdoyantes, des fleuves et des cimes enchanteresses, de charmants villages perpétuent les traditions. Au cœur de ses paysages d’une grande diversité, l’Espagne est parvenue à garder une multitude de secrets qui font du pays du soleil un véritable spectacle, écrit et réalisé par Dame Nature en personne. </t>
  </si>
  <si>
    <t>P0843369</t>
  </si>
  <si>
    <t>L'Espagne vue du ciel : Villages blancs et gratte-ciel</t>
  </si>
  <si>
    <t>Spain's Most Emblematic Cities and Villages</t>
  </si>
  <si>
    <t>00:47</t>
  </si>
  <si>
    <t>Partez à la découverte des villes et villages les plus emblématiques d’Espagne. Au programme : l’art de Séville, l’avant-garde de Barcelone, le charme d’Albarracín... Des lieux où tradition et modernité coexistent en parfaite harmonie.</t>
  </si>
  <si>
    <t>P0867271</t>
  </si>
  <si>
    <t>Echappées belles : Les trésors du Lot</t>
  </si>
  <si>
    <t>Les trésors du Lot</t>
  </si>
  <si>
    <t>01:28</t>
  </si>
  <si>
    <t>Sophie se promène au cœur du Rocamadour médiéval. Après avoir gravi les 216 marches du grand escalier, elle découvre un décor stupéfiant. Face à elle : deux chevaliers à cheval. Romain et Lionel, metteurs en scène du spectacle médiéval qui aura lieu l’après-midi même, ils lui expliquent la légende de l’épée Durandal. Sophie et la troupe arrivent sur les lieux du spectacle. Le cadre est sublime et l’atmosphère très détendue ! La troupe lui propose de participer au spectacle pour un petit rôle. Mais il faut d’abord faire quelques répétitions. Vêtue d’une tenue et d’une coiffe médiévale, Sophie salue ses partenaires de jeu et s’échauffe. Direction la piste. Le public est venu en nombre. Le spectacle peut commencer ! À Cahors, Sophie traverse à pied le pont du Diable, classé au Patrimoine mondial de L’UNESCO. Elle rencontre Jean-Marc, amoureux de voitures anciennes. Avec d’autres amateurs de voitures des années 30, ils prennent la direction de Cahors, puis Saint-Géry, petite commune de 400 habitants.</t>
  </si>
  <si>
    <t>22:20:00:00</t>
  </si>
  <si>
    <t>23:20:00:00</t>
  </si>
  <si>
    <t>23:45:00:00</t>
  </si>
  <si>
    <t>24:25:00:00</t>
  </si>
  <si>
    <t>25/11/2020</t>
  </si>
  <si>
    <t>P0877845</t>
  </si>
  <si>
    <t>Voyage à travers les couleurs : La France en rouge</t>
  </si>
  <si>
    <t>La France en rouge</t>
  </si>
  <si>
    <t>Outre sa place sur le drapeau tricolore, emblème national, le rouge est une couleur ambivalente dans l’imaginaire collectif. Rendons-nous au cœur d’un territoire sauvage et protégé, la Camargue, qui abrite le salin d’Aigues-Mortes. De l’or blanc extrait d’une eau rouge. Partons ensuite à Paris, ville lumière, à la découverte de l’un de ses emblèmes : le Moulin Rouge. Dans la palette des rouges, il y a ceux dont l’homme détient le secret, et ceux, dont seule la nature est l’auteure. Roussillon est niché dans le plus important gisement d’ocre au monde, ses façades se déclinent en un feu d’artifice de couleurs. En Bretagne, d’énormes blocs de granit entre Paimpol et Lannion offrent un panorama unique et que les Bretons nomment Aod ar vein ruz, littéralement la « côte des pierres rouges ». Explorons l’un des trésors de la région Rhône-Alpes : les gorges de l’Ardèche, un canyon indompté et profond. Enfin, au pied des montagnes, se trouve Espelette, charmant village basque, célèbre pour sa culture du piment.</t>
  </si>
  <si>
    <t>P0805383</t>
  </si>
  <si>
    <t>Regarde le monde : Ainsi soient-ils</t>
  </si>
  <si>
    <t>Ainsi soient-ils</t>
  </si>
  <si>
    <t>« Regarde le monde » dessine pour vous les contours des plus belles destinations du globe… Direction la Turquie sur les traces d’un culte ancestral… Depuis le 13ème siècle repose la dépouille du poète perse Rumi au mausolée de Mevlana, reconnu comme un saint de son vivant. Au pays du soleil levant, la spiritualité est étroitement liée à la nature. Les Japonais y pratiquent deux religions à la fois, le shintoïsme et le bouddhisme. Depuis 300 ans en Louisiane, se mêlent les diverses croyances venues d’Europe, des Caraïbes, et d’Afrique. Notre voyage continue à Singapour où les traditions ont un fort impact sur les populations, on peut notamment acheter les faveurs des esprits dans le centre commercial de Katong. En Jamaïque, les Rastas ont créé leur communauté sur les sommets du Blue Mountain autour du dieu Hailé Sélassié, ancien empereur d’Éthiopie. Enfin, à Londres, des centaines de fidèles se pressent chaque semaine au temple Shri Swaminarayan, l’un des plus grands temples hindouistes d’Europe.</t>
  </si>
  <si>
    <t>P0841315</t>
  </si>
  <si>
    <t>Echappées belles : Ile de la Réunion</t>
  </si>
  <si>
    <t>Ile de la Réunion</t>
  </si>
  <si>
    <t>Sur les terres lunaires de la plaine des Sables, Raphaël retrouve Fred Melon, guide de haute montagne. Fred emmène Raphaël à la découverte de ce décor spectaculaire. Point d’orgue de la balade, l’ascension vers le piton Chisny, un des plus « récents » de la Réunion (apparu il y a moins de 1000 ans). Fred est passionné de volcans et de free ride. Il propose à Raphaël de lui faire découvrir à VTT les sentiers sauvages qu’il emprunte à ces heures perdues. Raphaël arrive à l’hôtel à Saint-Pierre. Il retrouve Jean-François devant le Club de Plongée, sur le front de mer… Raphaël est invité sur le bateau, à bord duquel se trouvent déjà trois membres de la Confrérie des Gens de la mer. Ils se préparent pour une plongée. Ils se jettent enfin à l’eau sur les traces des vestiges du temps de l’époque coloniale… Raphaël retrouve Fred, accompagné de Greg, leur moniteur de canyoning. Ils commencent l’ascension des parois rocheuses qui mènent aux premiers « toboggans » du trou blanc. Sensations fortes garanties…</t>
  </si>
  <si>
    <t>P0864262</t>
  </si>
  <si>
    <t>Secrets des sites mythiques de France : Avignon</t>
  </si>
  <si>
    <t>Secrets des sites mythiques de France</t>
  </si>
  <si>
    <t>Avignon</t>
  </si>
  <si>
    <t>Isabelle Gendre,Timothée Janssen</t>
  </si>
  <si>
    <t xml:space="preserve">Située au confluent du Rhône et de la Durance, Avignon a connu au XIVe siècle une histoire riche et singulière. L’âge d’or de la Papauté a façonné la cité avignonnaise, qui aujourd’hui abrite le célèbre festival de théâtre aux milliers de visiteurs. Avignon recèle de mystères à découvrir et d'histoires à conter. Son pont est célébré dans une chanson connue de tous, mais quelle est son origine ? Comment un tableau a-t-il pu arriver dans la Chartreuse de Villeneuve-lès-Avignon, lieu religieux où l'art était proscrit ? Comment le Palais des Papes a-t-il pu être construit en un délai aussi court ? Pourquoi cette petite ville de province française est-elle devenue le centre de la Papauté pendant des siècles ? </t>
  </si>
  <si>
    <t>P0767098</t>
  </si>
  <si>
    <t>Voyage et Bonnes manières en France</t>
  </si>
  <si>
    <t>Faire un tour du monde de la politesse, sans risquer un regard critique sur le comportement des Français, la Parisienne cabotine qu’est Véronique Jacquinet, ne l’aurait pas osé. La voici donc partie, dans sa 2CV, enquêter de Saint-Germain-Des-Prés à Versailles, sur ce que ses compatriotes ont gardé de cette fameuse « french Etiquette » que nous a léguée Louis XIV. L’occasion de réviser l’ensemble des bonnes manières sensées régir notre quotidien et de voir si Talleyrand a fini par avoir raison, quand il disait : « Appuyons-nous sur les principes, ils finiront bien par céder ! ».</t>
  </si>
  <si>
    <t>P0897573</t>
  </si>
  <si>
    <t>Les plus beaux treks : Les Vosges</t>
  </si>
  <si>
    <t>Les Vosges</t>
  </si>
  <si>
    <t xml:space="preserve">Le Massif des Vosges est traversé du Nord au Sud par le GR5 qui relie la mer du Nord à la Méditerranée. La partie Vosgienne de ce sentier de grande randonnée est balisé avec un carré rouge, signalétique propre au club vosgien, un des plus vieux clubs de randonnée de France. C’est un itinéraire de moyenne montagne qui chemine à travers les grandes forêts et les hautes chaumes dégagées des lignes de crête. Avec Albane Lessard, accompagnatrice en Montagne sur ce massif, nous allons à la rencontre de ce territoire avec une approche qui lui est propre, centrée sur le bien-être dans la nature, et en particulier dans la forêt. Sylvothérapie, respiration abdominale, méditation active et marche consciente sont les maitres mots d’Albane pour marcher en réconciliant le corps et l’esprit. Albane inscrit clairement la marche et l’itinérance dans une démarche personnelle qu’elle veut faire partager aux autres. </t>
  </si>
  <si>
    <t>P0848314</t>
  </si>
  <si>
    <t>Secrets des sites mythiques de France : Lourdes</t>
  </si>
  <si>
    <t>Lourdes</t>
  </si>
  <si>
    <t>00:53</t>
  </si>
  <si>
    <t xml:space="preserve">Blottie dans une vallée au pied des Pyrénées, la petite ville de Lourdes est sans doute la ville de province française la plus connue au monde. Longtemps oubliée des circuits touristiques, son destin bascule un matin de 1858 grâce à une jeune fille inconnue : Bernadette. Depuis les apparitions de la Vierge, 500 millions de personnes ont fait le déplacement dans cette ville qui abrite nombre de secrets et de lieux insolites. Pourquoi Saint-Bernadette a-t-elle quitté définitivement Lourdes ? Que cache le château de Lourdes dans son donjon ? Pourquoi avoir enterré une basilique en souterrain ? </t>
  </si>
  <si>
    <t>P0806819</t>
  </si>
  <si>
    <t>En train à travers... De Barcelone à Bilbao</t>
  </si>
  <si>
    <t>Northern Spain in seven hours : from Barcelona to Bilbao by train</t>
  </si>
  <si>
    <t>Northern Spain in seven hours : From Barcelona to Bilbao by train</t>
  </si>
  <si>
    <t>Michael Cordero</t>
  </si>
  <si>
    <t>Les guides de voyages ne tarissent pas d’éloges sur le chemin de fer reliant Barcelone à Bilbao et décrivent un itinéraire aux paysages d’une riche diversité, à la fois sublime et pittoresque. Ce train, exploité par la société ferroviaire publique espagnole Renfe, sillonne les contreforts des Pyrénées et remonte l’Èbre. De Barcelone, la capitale catalane, à Bilbao, ville basque de la côte atlantique, sept heures de voyage nous mèneront à travers des régions incroyablement variées, de la Catalogne au pays basque.</t>
  </si>
  <si>
    <t>P0872392</t>
  </si>
  <si>
    <t>Archipels de feu : Islande</t>
  </si>
  <si>
    <t>Islande</t>
  </si>
  <si>
    <t>Située au cœur de l’Atlantique aux confins du cercle polaire, l’Islande est une île singulière. Elle est traversée par une faille gigantesque née de l’affrontement titanesque que se livrent les plaques tectoniques Nord-Américaine et Eurasiatique. Agitée de puissantes forces telluriques, l’île est un véritable laboratoire à ciel ouvert consacré à l’observation des volcans. Nombre d’entre eux sont en sommeil mais quand ils se réveillent, ce n’est pas seulement l’Islande mais l’Europe qui retient son souffle.</t>
  </si>
  <si>
    <t>P0847606</t>
  </si>
  <si>
    <t>L'Asie vue du ciel : L'Inde</t>
  </si>
  <si>
    <t>Aerial Asia</t>
  </si>
  <si>
    <t>India</t>
  </si>
  <si>
    <t>Amit Anand,Harun Rahman,Jocelyn Little</t>
  </si>
  <si>
    <t>Embarquez pour un voyage aérien à la découverte des paysages spectaculaires de l’Inde et de sa population d’une incroyable diversité. Des chefs-d’œuvre ancestraux tels que les bâolis du Rajasthan aux prouesses techniques contemporaines incarnées par la ville de Gurgaon, explorez la richesse, l’histoire et la modernité de ces terres mystérieuses. Après avoir traversé plusieurs millénaires et donné naissance à quatre grandes religions, cette civilisation antique concentre aujourd’hui bien des merveilles, naturelles comme artificielles, et regarde vers l’avenir avec une confiance retrouvée. Préparez-vous pour une explosion de couleurs, de cultures et de panoramas fascinants qui ravira l’œil et l’esprit.</t>
  </si>
  <si>
    <t>P0847610</t>
  </si>
  <si>
    <t>L'Asie vue du ciel : L'Indonésie</t>
  </si>
  <si>
    <t>Indonesia</t>
  </si>
  <si>
    <t>00:45</t>
  </si>
  <si>
    <t>Embarquez pour un voyage aérien sans escale au-dessus de l’un des pays les plus tropicaux et les plus fascinants du continent asiatique : l’Indonésie. Avec environ 17 500 îles, le pays constitue le plus grand archipel de la planète. Explorez ses volcans bouillonnants, ses jungles impénétrables et ses eaux extraordinaires. À travers ses festivités et célébrations ancestrales, découvrez l’âme et la culture d’une incroyable richesse de sa population.</t>
  </si>
  <si>
    <t>Voyage en bande : Le Bordelais</t>
  </si>
  <si>
    <t>Le Bordelais</t>
  </si>
  <si>
    <t>Natif de Bordeaux, c’est dans cette région que le scénariste Corbeyran et son complice le dessinateur Espé ont situé l’action de bon nombre de leurs albums. La série Château Bordeaux a connu un succès phénoménal auprès du grand public. Tout au long de ses dix albums on y découvre les aventures d’une jeune femme qui reprend l’exploitation viticole familiale et qui se confronte aux arcanes des grands vignobles du Bordelais. À travers leurs planches, Corbeyran et Espé nous emmènent découvrir les paysages somptueux des vignobles du Médoc et de Saint-Emilion. Un voyage en bandes à la rencontre de ceux qui font les grands domaines. Une promenade qui va des célèbres châteaux aux quais de la Garonne, du quartier des Chartrons au marché des Capucins, une découverte singulière du monde de l’œnologie et de la gastronomie.</t>
  </si>
  <si>
    <t>V1022668</t>
  </si>
  <si>
    <t>J'irai dormir chez vous : Espagne</t>
  </si>
  <si>
    <t>Espagne</t>
  </si>
  <si>
    <t xml:space="preserve">Pour ce nouvel épisode Antoine parcours l'Espagne. Mais une chose le titille d'emblée. Dans ce pays de corrida, il y a beaucoup de taureaux. On dit souvent qu'ils n'aiment pas le rouge. C'est faux puisqu'ils voient en noir et blanc, mais sait-on jamais... Antoine va trouver une parade efficace. Première étape Madrid la capitale. Le globe-squatteur arpente les ruelles de la ville quand il rencontre Daniel et Sarah, tous deux couverts de tatouages. Toujours sans préparation, Antoine débarque à Séville en Andalousie. Il atterrit par hasard en pleine féria. Le globe-squatteur termine son voyage au pays basque. Nous sommes dans les Pyrénées espagnoles et l'atmosphère est différente. Les gens des montagnes semblent plus réservés. Pourtant, le voyageur obstiné réussira à percer la carapace de Luix, un paysan jovial, mais ce ne sera pas sans mal. </t>
  </si>
  <si>
    <t>24:30:00:00</t>
  </si>
  <si>
    <t>26/11/2020</t>
  </si>
  <si>
    <t>P0877848</t>
  </si>
  <si>
    <t>Voyage à travers les couleurs : La France en vert</t>
  </si>
  <si>
    <t>La France en vert</t>
  </si>
  <si>
    <t>La renommée de l’Hexagone repose sur la variété de ses sites naturels, où le vert prédomine. Couleur des défenseurs de l'environnement, du monde naturel et sauvage, elle se glisse jusque dans nos assiettes. Partons dans le marais poitevin, surnommée la Venise verte. Rencontrons des jardiniers architectes qui s’évertuent à marier les nuances de vert du monde végétal. En Bourgogne, le château de Cormatin est niché dans un parc de 12 hectares. En plus de ses vertus ornementales, le vert symbolise les grands espaces. La France peut compter sur son massif central. Prairies, forêts, montagnes et lacs, s’étendent sur près de 85 000 km2. Un lieu unique qui permet de faire des observations météorologiques pointues et dont les sols sont parfaitement adaptés à la culture d’une spécialité culinaire. Autrement, les olives sont l’or vert de la région marseillaise et dont le précieux liquide a assuré sa renommée. Enfin, les gorges du Verdon déroulent leurs eaux émeraudes et émerveillent randonneurs et amateurs d’escalade.</t>
  </si>
  <si>
    <t>P0805384</t>
  </si>
  <si>
    <t>Regarde le monde : Plages de rêve</t>
  </si>
  <si>
    <t>Plages de rêve</t>
  </si>
  <si>
    <t>« Regarde le monde » dessine pour vous les contours des plus belles destinations du globe… Direction la Guadeloupe qui a fait de ses plages un paradis convoité... Sur la plage de Saint-Anne, se côtoient les touristes et les dégourdis. Au Portugal, les plages de l’Algarve attirent tous les regards… Avec son eau turquoise et son ensoleillement permanent, c’est la région la plus fréquentée du pays, Praia da Rocha en est la plus grande plage. Notre voyage continue en Jordanie sur les plages d’Aqaba qui font le bonheur des vacanciers… Cette magnifique station balnéaire est aussi un carrefour commercial stratégique. Sur l’île Maurice, les paysages de carte postale attirent les futurs mariés en quête d’exotisme qui viennent célébrer leur union sur les plages et les lagons. Enfin, au Brésil les dimanches, les avenues du bord de mer sont fermées à la circulation et il n’y qu’une seule direction, qu’un seul rituel pour tous : la plage, un véritable culte où chacun peut s’épanouir à sa guise !</t>
  </si>
  <si>
    <t>P0841321</t>
  </si>
  <si>
    <t>Echappées belles : Ouest australien, entre océan et désert</t>
  </si>
  <si>
    <t>Ouest australien, entre océan et désert</t>
  </si>
  <si>
    <t>01:29</t>
  </si>
  <si>
    <t>Jérôme longe la côte ouest du sud de l’Australie. Il retrouve Ruth, dans le quartier de Northbridge. Elle lui propose de l’emmener voir la Swan Bell Tower, le monument emblématique de Perth, qui borde la Swan River. La particularité de cet édifice est qu’il contient des cloches provenant de l’église de Trafalgar Square en Angleterre. Aujourd’hui Ruth emmène Jérôme sur la plage de Cottesloe, une des plages les plus connues de la côte ouest, pour découvrir le quotidien des Surf Life Savers, les sauveteurs… une institution en Australie. Tous les membres sont bénévoles. Il est à peine 8h du matin quand ils arrivent, mais la plage est déjà animée. Jérôme quitte Perth et prend la route en direction de la région de Margaret River. Il arrive dans le petit bourg de Cowaramup, aussi surnommée « Cowtown ». Paul l’accueille entre deux traites et lui présente ses « filles » : 150 vaches belles et robustes qui lui fournissent quotidiennement suffisamment de lait pour fabriquer de délicieuses crèmes glacées.</t>
  </si>
  <si>
    <t>P0876262</t>
  </si>
  <si>
    <t>Des trains pas comme les autres : Costa Rica</t>
  </si>
  <si>
    <t>Costa Rica</t>
  </si>
  <si>
    <t>Direction le Costa Rica, ce pays d’Amérique Centrale coincé entre l’Atlantique et le Pacifique est un formidable terrain de jeux pour les amoureux de la nature mais aussi pour notre globe-trotter des trains, Philippe Gougler. Il y découvre des habitants qui, à l’aide du système D, exploitent les rails pour transporter des vaches. Direction la capitale, San Jose, où Philippe rencontre Lincy, une femme cowgirl passionnée par le rodéo ! Le lendemain, il prend le train pour Cartago, l’ancienne capitale du Costa Rica. Dans ce train brinquebalant, les voyageurs ont une philosophie très locale à base de « pura vida » la vie pure ! Arrivé sur la côte atlantique, notre voyageur a décidé d’aller à la rencontre des indiens Cabecar. Le Costa Rica c’est aussi le royaume des exploitations de bananes, les ouvriers y ont inventé un système très ingénieux ! De véritables trains de fruits vraiment pas comme les autres. Le voyage se termine sur la côte pacifique, direction la presqu’île de Nicoya, le royaume des centenaires.</t>
  </si>
  <si>
    <t>P0876263</t>
  </si>
  <si>
    <t>Des trains pas comme les autres : Tunisie</t>
  </si>
  <si>
    <t>Tunisie</t>
  </si>
  <si>
    <t>00:49</t>
  </si>
  <si>
    <t xml:space="preserve">La Tunisie est souvent synonyme plage et farniente, or Philippe va découvrir un pays infiniment plus subtil qui va lui permettre de s’évader dans de magnifiques paysages à seulement 2h de vol de Paris. Notre globe-trotteur ferroviaire va aborder la Tunisie par le sud et la ville de Tozeur, la dernière gare aux portes du désert. C’est le paradis pour trouver des roses des sables et pour les chercheurs de pierres en tout genre, même celles venues de l’espace ! Dans le désert on trouve aussi des bédouins qui tentent de préserver coûte que coûte leurs traditions et leurs modes de vies. La Tunisie c’est aussi la mer, les terrasses et un goût certain pour la flânerie. Après un petit détour par Sidi Bou Saïd, Philippe part découvrir Carthage et la capitale du pays, Tunis. En plein milieu de la médina, à l’heure de l’appel à la prière, il va découvrir qui se cache derrière cette voix mystique. </t>
  </si>
  <si>
    <t>P0878849</t>
  </si>
  <si>
    <t>Archipels de feu : Indonésie</t>
  </si>
  <si>
    <t>Indonésie</t>
  </si>
  <si>
    <t>« Tanah Air Tika », notre terre et notre eau, c’est ainsi que les Indonésiens ont surnommé leur pays. Plus de 17 000 îles composent une immense guirlande qui s’étire sur plus de 5000 km aux confins de l’Asie du Sud Est et de l’Australie. Située sur la ceinture de feu du Pacifique, l’Indonésie est au carrefour de trois plaques tectoniques. La plaque continentale Eurasienne est soumise à des forces contraires : la plaque Australienne qui dérive vers le nord et la plaque Pacifique qui s’étire vers le sud-ouest. Fruit de cette intense activité géologique, l’Indonésie abrite plus de 500 volcans – gunung api (montagnes de feu) dont plus d’une centaine sont très actifs.</t>
  </si>
  <si>
    <t>P0878850</t>
  </si>
  <si>
    <t>Archipels de feu : Amérique centrale</t>
  </si>
  <si>
    <t>Amérique centrale</t>
  </si>
  <si>
    <t>L'arc volcanique d'Amérique centrale fait partie de la ceinture de feu du Pacifique. Il s’étire sur plus de 1 500 kilomètres du Guatemala au nord jusqu’au Panama au sud. Résultant de la subduction des plaques de Cocos et de Nazca sous les plaques Caraïbe et de Panama, cette chaîne de sommet abrite de grands stratovolcans, des dômes de lave et des cônes de cendres. Compte tenu de la faible largeur du corridor central américain, ces volcans se dressent un peu partout dans le paysage et au-dessus des villes. Un grand nombre d’entre eux sont toujours en activité.</t>
  </si>
  <si>
    <t>P0846361</t>
  </si>
  <si>
    <t>Sur les rails de France : De la Picardie à la Normandie</t>
  </si>
  <si>
    <t>Sur les rails de France</t>
  </si>
  <si>
    <t>De la Picardie à la Normandie</t>
  </si>
  <si>
    <t>Aurélia Michon,Brice Martinelli,Jean-Luc Lénée</t>
  </si>
  <si>
    <t>Notre voyage débute à bord du petit train de la baie de Somme, qui relie Le Crotoy à Saint-Valery. Installés sur une banquette en bois et bercés par le bruit ambiant, cette vénérable machine à vapeur nous promet un beau voyage dans le temps, au cours duquel nous admirerons ce formidable jardin potager maritime qu’est la baie, avec ses légumes de mer aux saveurs insoupçonnées. Nous découvrirons le petit village de Saint-Valery, joyau médiéval de la côte picarde qui regorge de petits trésors architecturaux ; puis la Normandie, sur les sièges du train régional de la Côte fleurie, un surnom qu’il doit aux milliers de pommiers qui fleurissent ici chaque printemps ! Quelques haltes s’imposeront sur les magnifiques plages de sable de la côte normande, qui sont à l’origine de stations balnéaires comme Houlgate et Deauville, où nous visiterons la villa Strassburger, dont le luxe est digne des plus grands palaces parisiens. Du petit train de Vermandois jusqu’à Origny-Sainte-Benoîte, la promenade s’annonce inoubliable.</t>
  </si>
  <si>
    <t>P0846223</t>
  </si>
  <si>
    <t>Sur les rails de France : Du Pays basque à la Catalogne</t>
  </si>
  <si>
    <t>Du Pays basque à la Catalogne</t>
  </si>
  <si>
    <t>Dans cet épisode consacré aux mythiques lignes de chemin de fer qui parcourent le Pays basque jusqu’à la Catalogne, c’est à bord de petits tortillards au charme désuet que nous franchirons la chaîne des Pyrénées d’Est en Ouest. Nous grimperons d’abord au sommet de la Rhune, qui domine fièrement les Pyrénées-Atlantiques, à bord du petit train à crémaillère éponyme, tout en découvrant le charme de l’habitat traditionnel ou les troupeaux de pottocks, ce petit cheval local rustique et attachant. Nous embarquerons à bord du petit train d’Artouste, le plus haut d’Europe, qui longe la montagne à flanc de falaise pour offrir des panoramas à couper le souffle; l’occasion de faire une halte au refuge de l’Arrémoulit. Après Toulouse, rendez-vous dans le Transpyrénéen, le temps d’apprécier des pépites comme le village de Mazères ou les grottes de Niaux. Notre périple se terminera avec celui qu’on surnomme le « canari sang et or », ce train jaune légendaire qui nous conduira jusqu’aux spectaculaires Gorges de Carança.</t>
  </si>
  <si>
    <t>P0847556</t>
  </si>
  <si>
    <t>Vues d'en haut : Sur la frontière anglo-galloise</t>
  </si>
  <si>
    <t>Wales - Monmouth to Dee Estuary (FRA)</t>
  </si>
  <si>
    <t>Ethan Hunter</t>
  </si>
  <si>
    <t>Notre aventure débute à Symonds Yat, au cœur d’une région anglaise à la beauté naturelle stupéfiante. Du sud au nord, nous survolons les comtés à cheval sur la frontière anglo-galloise. Dans l’Herefordshire, nous explorons les ruines médiévales du château de Goodrich. À Hereford, la magnifique cathédrale ainsi que la demeure d’un trésor médiéval exceptionnel méritent une halte. Nous poursuivons notre épopée jusqu’au château de Stokesay, l’un des manoirs fortifiés du Moyen-Âge les mieux préservés. À Welshpool, nous flânons dans un somptueux jardin du château de Powis et visitons une ferme expérimentale victorienne. Cap ensuite au nord où nous attend l’un des plus beaux chefs-d’œuvre d’ingénierie du 18e siècle à Llangollen, avant de conclure notre odyssée dans l’estuaire de la Dee.</t>
  </si>
  <si>
    <t>19:30:00:00</t>
  </si>
  <si>
    <t>P0847558</t>
  </si>
  <si>
    <t>Vues d'en haut : Sur les traces de Buffalo Bill</t>
  </si>
  <si>
    <t>USA, Wyoming - Lost Cabin to Devil’s Tower (FRA)</t>
  </si>
  <si>
    <t>Notre périple débute dans la commune frontalière reculée de Lost Cabin, avant de rejoindre Medicine Lodge, plus au nord, l’un des sites archéologiques majeurs de l’État américain du Wyoming, où se trouvent des œuvres d’art rupestre créées par des Amérindiens sur plusieurs millénaires. À l’est nous attend la ville de Sheridan et son illustre auberge, ancienne demeure de la figure mythique du Far West, Buffalo Bill. Nous prenons ensuite la direction du sud jusqu’à la ville de Buffalo, toile de fond des légendes les plus célèbres de la conquête de l’Ouest. À l’est, nous partons à la découverte d’un site de chasse amérindien historique, le Vore Buffalo Jump, puis terminons notre voyage face à la spectaculaire et vertigineuse Devil’s Tower, premier monument national des États-Unis et lieu sacré des Amérindiens.</t>
  </si>
  <si>
    <t>P0847559</t>
  </si>
  <si>
    <t>Vues d'en haut : Sur les côtes irlandaises</t>
  </si>
  <si>
    <t>Ireland - Mullaghmore to Aran Islands (FRA)</t>
  </si>
  <si>
    <t>Notre voyage débute au château de Classiebawn, à Mullaghmore, décor d’un assassinat royal tragique à la beauté côtière sauvage. Cap ensuite sur l’impressionnante montagne Ben Bulben, lieu de repos éternel du grand poète William Butler Yeats. Au cœur des monts Bricklieve, nous partons à la découverte d’un site néolithique fascinant, le cimetière mégalithique de Carrowkeel. Nous explorons la basilique de Knock, où la Vierge Marie serait apparue à plusieurs habitants. Non loin de Downpatrick Head, les Céide Fields, plus ancien système agraire de l’âge de pierre conservé dans des tourbières, nous attendent. Nous nous envolons alors pour les îles d’Aran, où les traditions irlandaises restent vives. Notre aventure s’achève sur le plateau du Burren, aux paysages extraordinaires comme venus d’un autre monde.</t>
  </si>
  <si>
    <t>20:30:00:00</t>
  </si>
  <si>
    <t>P0847560</t>
  </si>
  <si>
    <t>Vues d'en haut : En Occitanie</t>
  </si>
  <si>
    <t>France - South coast (FRA)</t>
  </si>
  <si>
    <t>00:24</t>
  </si>
  <si>
    <t>Notre odyssée débute dans la région française du Languedoc-Roussillon, où nous longeons un canal historique qui serpente au cœur du pays cathare. Poursuivant plus à l’est, nous atteignons la côte du Languedoc, avec ses plages baignées de soleil et ses villages médiévaux. Nous remontons le littoral méditerranéen jusqu’à la ville fortifiée d’Aigues-Mortes, où des chevaliers de l’ordre du Temple furent emprisonnés dans une tour, au 14e siècle. Nous nous envolons ensuite pour Montpellier et son esplanade de l’Europe, l’un des sites les plus remarquables de la métropole. Dans le Massif central, nous survolons le viaduc de Millau, le plus haut, et certainement le plus élégant, pont au monde. Depuis les stupéfiantes falaises des gorges du Tarn, nous découvrons des villages reculés, nichés au cœur des Cévennes, avant de conclure notre voyage au sommet de l’un des volcans éteints les plus emblématiques de la région.</t>
  </si>
  <si>
    <t>P0837431</t>
  </si>
  <si>
    <t>Trésors vus du ciel : Au cœur de la Sierra Gorda</t>
  </si>
  <si>
    <t>Wild Heart of Sierra Gorda</t>
  </si>
  <si>
    <t>Au cœur des contrées sauvages du centre du Mexique, une extraordinaire région montagneuse abrite l’ensemble d’écosystèmes le plus divers du continent américain. Des paysages semi-désertiques arides aux forêts de nuages humides, des cimes ensoleillées des montagnes aux sols plongés dans la pénombre de la jungle, ces immenses contrées sauvages réservent de nombreuses surprises. La Sierra Gorda voit prospérer des magnolias ainsi que de curieuses salamandres n’existant nulle part ailleurs et fait office d’étape lors de la migration du papillon monarque, l’un des plus grands rassemblements d’animaux sur Terre.</t>
  </si>
  <si>
    <t>P0847240</t>
  </si>
  <si>
    <t>Vues d'en haut : Le Nord de l'Italie</t>
  </si>
  <si>
    <t>Italy - Mantua to the Fortress of San Leo (FRA)</t>
  </si>
  <si>
    <t>Notre périple débute à Mantoue, l’une des grandes villes de la Renaissance italienne. Après la traversée du Pô au sud, nous arrivons à Parme, également surnommée la cité d’or. Cap ensuite sur Maranello, où nous visitons la célèbre usine Ferrari et goûtons à l’asphalte de son circuit de test, avant de prendre la direction de Bologne et de ses incroyables gratte-ciels médiévaux. Nous volons vers la côte Adriatique où nous faisons halte dans l’antique ville portuaire de Ravenna puis dans l’une des plus grandes et plus célèbres stations balnéaires d’Europe, Rimini. Nous revenons à l’intérieur des terres pour explorer l’un des plus petits pays au monde, San Marino, avant d’achever notre aventure dans la merveilleuse forteresse de San Leo, perchée au sommet d’un piton rocheux.</t>
  </si>
  <si>
    <t>22:15:00:00</t>
  </si>
  <si>
    <t>P0847241</t>
  </si>
  <si>
    <t>Vues d'en haut : La Sicile, de Palerme à Messine</t>
  </si>
  <si>
    <t>Italy - Palermo airport to the Straits of Messina (FRA)</t>
  </si>
  <si>
    <t xml:space="preserve">Notre périple débute sur la côte nord de la Sicile, non loin de Palerme, sa capitale. Nous prenons ensuite la direction de la province d’Agrigente, à la découverte de la plus grande collection de temples grecs hors d’Athènes. Dans la province d’Enna, nous nous imprégnons de paysages parmi les plus somptueux de la Sicile, avant de traverser les montagnes et les terres agricoles à l’est, en direction de Syracuse, réputée pour être la plus belle ville de la Grèce antique. De là, nous explorons la côte est de Taormina, destination touristique par excellence de l’île italienne, puis traversons le détroit de Messine jusqu’au mont Etna, plus grand et plus actif volcan d'Europe. Notre aventure se conclut par la ville côtière de Messine, plus vieux port de Sicile.
</t>
  </si>
  <si>
    <t>22:40:00:00</t>
  </si>
  <si>
    <t>23:40:00:00</t>
  </si>
  <si>
    <t>26:05:00:00</t>
  </si>
  <si>
    <t>27:00:00:00</t>
  </si>
  <si>
    <t>28:00:00:00</t>
  </si>
  <si>
    <t>27/11/2020</t>
  </si>
  <si>
    <t>P0785169</t>
  </si>
  <si>
    <t>Cuba, l'île sanctuaire : L'esprit de la Havane</t>
  </si>
  <si>
    <t>L’esprit de la Havane</t>
  </si>
  <si>
    <t>Le rapprochement historique entre Cuba et les États-Unis et la levée récente de l’embargo invitent à re-découvrir cette île mythique. Quasi-coupée du monde pendant près de 60 ans, Cuba a su s’adapter, développer un art de la débrouille et affirmer sa singularité, son identité. Elle a su inventer un modèle de développement raisonné. Et celle qu’on considérait hier comme l’enfant rebelle des caraïbes pourrait bien être regardée aujourd’hui comme l’enfant modèle.
Nous partirons à la rencontre des havanais, ces femmes et ces hommes qui entretiennent chaque jour cet art de vivre propre à la capitale cubaine, lieu au charme unique.
Des artistes du Callejon de Hamel aux défenseurs chevronnés du patrimoine architectural de la ville, nous découvrirons comment l’esprit de La Havane a façonné une cité originale à la modernité inattendue.</t>
  </si>
  <si>
    <t>P0805385</t>
  </si>
  <si>
    <t>Regarde le monde : Planète mécanique</t>
  </si>
  <si>
    <t>Planète mécanique</t>
  </si>
  <si>
    <t>00:28</t>
  </si>
  <si>
    <t>« Regarde le monde » dessine pour vous les contours des plus belles destinations du globe… Premier arrêt en Guadeloupe où chaque voiture se veut unique… Des deux roues aux voitures de luxes, les transports ont une place particulière dans le cœur des Guadeloupéens. Et il n’y a pas que sur la route 66 où l’on roule des mécaniques, le Montana accueille lui aussi ses passionnés de voiture… Dick est un amoureux des vieilles voitures et cette passion se transmet de génération en génération. Notre voyage continue à Malte où l’automobile est devenue un art de vivre. Cette ancienne colonie britannique a gardé une passion pour les anciennes voitures anglaises. A Londres, on voue aussi un culte aux voitures mais pas n’importe lesquelles : les taxis… Les cabs, autre nom donné aux taxis londoniens, font partis des symboles de la capitale. Enfin, en Inde, ce n’est pas la voiture qui est plébiscitée par les habitants, mais la moto… où une marque anglaise est devenue et reste une légende, Royal Enfield.</t>
  </si>
  <si>
    <t>P0841341</t>
  </si>
  <si>
    <t>Echappées belles : Suède, le royaume des neiges</t>
  </si>
  <si>
    <t>Suède, le royaume des neiges</t>
  </si>
  <si>
    <t>Raphaël est à Jutis, en Laponie, accompagné de Guido, un Néerlandais installé dans la région. À Jutis comme dans le reste de la Laponie, il y a un peuple autochtone qui perpétue la tradition de l’élevage ancestrale des élans : les Samis. Guido emmène donc Raphaël à la rencontre de Lotta et Tom Sandersson. Lotta l’initie à la dégustation de viande d’élan, et lui montre comment elle a réussi à les dresser... Guido profite d’être sur la motoneige pour emmener Raphaël un petit peu plus loin, sur le lac le plus profond de Suède. Dans une maison charmante, la belle famille de Guido prépare un repas Nordique pour Raphaël. Les températures avoisinant les -40°. Raphaël reprend la voiture et quitte Arjeplog pour se rendre vers la côte Botnienne, à Gammelstad, un village construit autour d’une église centrale. C’est à bord d’un ‘kick sled’, une luge trottinette, qu’ils traversent le village en allant vers la cabane d’Elin. La jeune femme vient souvent dans sa cabane pour peindre et stocker ses œuvres.</t>
  </si>
  <si>
    <t>P0848313</t>
  </si>
  <si>
    <t>Secrets des sites mythiques de France : Rocamadour</t>
  </si>
  <si>
    <t>Rocamadour</t>
  </si>
  <si>
    <t>L’un des sites touristiques les plus visités de France après le Mont St Michel, Rocamadour attire près d’un million de visiteurs par an. Habité depuis plus de 30 000 ans et construite en plusieurs étapes et sur trois niveaux, la ville veille jalousement sur ses secrets et des lieux interdits. Pourquoi le Grand Escalier de cette ville au centre de la France est-il recouvert de coquillages ? Que font des fers de forçats dans la chapelle de la Vierge Noire ? Et d’où viennent les huit cents dolmens qui entourent Rocamadour ?</t>
  </si>
  <si>
    <t>P0806809</t>
  </si>
  <si>
    <t>L'Elbe vu du ciel : De Schnackenburg à Hambourg</t>
  </si>
  <si>
    <t>Elbe of above</t>
  </si>
  <si>
    <t>From Schnackenburg to Hamburg</t>
  </si>
  <si>
    <t>Marcus Fischötter</t>
  </si>
  <si>
    <t>D’extraordinaires images aériennes du deuxième fleuve le plus long d’Allemagne, immortalisées par un Cineflex, nec plus ultra de la caméra par hélicoptère. Ces panoramas aériens uniques illustrent les récits des habitants vivant sur le fleuve. De Schnackenburg à Cuxhaven, nous survolerons 250 kilomètres sur l’Elbe. Durant tout l’été, le scénariste Marcus Fischötter et le caméraman Michael Dreyer ont parcouru le nord de l’Allemagne au fil de l’Elbe. Ils nous reviennent avec des images de castors et de pygargues à queue blanche, animaux menacés de disparition autrefois au bord de l’extinction et désormais à nouveau endémiques au fleuve. Lors de leur périple, ils ont fait la rencontre de personnes dont la vie est intimement liée au cours d’eau. De véritables personnages, à l’image de ce pêcheur qui craint pour sa survie face au curage de l’Elbe, ou de cette fruitière fière de cultiver la terre fertile et marécageuse.</t>
  </si>
  <si>
    <t>P0806810</t>
  </si>
  <si>
    <t>L'Elbe vu du ciel : De Hambourg à Cuxhaven</t>
  </si>
  <si>
    <t>From Hamburg to Cuxhaven</t>
  </si>
  <si>
    <t>P0847612</t>
  </si>
  <si>
    <t>L'Asie vue du ciel : Singapour</t>
  </si>
  <si>
    <t>Singapore</t>
  </si>
  <si>
    <t>Découvrez l’île effervescente de Singapour sous une perspective inédite. Au fil de ce voyage aérien trépidant, assistez à la métamorphose de cette terre de pêcheurs assoupie devenue puissante cité-État futuriste. Ville la plus organisée du monde, tout s’y passe en hauteur. Cinq millions et demi de personnes s’entassent sur cette île semblable à un minuscule point rouge sur nos cartes. Entre son architecture étourdissante, ses tours résidentielles qui s’étendent à perte de vue, la rumeur ainsi que les couleurs de ses célébrations religieuses telles que Dipavali, la splendeur et la frénésie de Marina Bay… Préparez-vous à en prendre plein les yeux lors de cette spectaculaire odyssée !</t>
  </si>
  <si>
    <t>P0847561</t>
  </si>
  <si>
    <t>Vues d'en haut : De Potsdam à Berlin</t>
  </si>
  <si>
    <t>Germany - Around Berlin (FRA)</t>
  </si>
  <si>
    <t>Notre voyage aérien débute en périphérie de Potsdam, lieu de résidence principal des rois de Prusse et des empereurs allemands situé dans le Brandebourg, région des 3 000 lacs. En direction de l’est, nous faisons une halte au somptueux palais d’été de Sanssouci, puis au château de Köpenick, avant de retourner à l’ouest, au cœur de Berlin. Dans la capitale, nous survolons la porte de Brandebourg, restaurée après que Napoléon Bonaparte avait dérobé la statue qui la couronne. Nous sillonnons plusieurs monuments majeurs érigés en hommage aux victimes de la Seconde Guerre mondiale avant d’explorer les vestiges du mur de Berlin, aujourd’hui démoli. Après avoir admiré les majestueuses cathédrales du centre-ville, nous concluons notre aventure au palais du Reichstag, l’un des édifices les plus importants du continent européen.</t>
  </si>
  <si>
    <t>16:30:00:00</t>
  </si>
  <si>
    <t>P0847563</t>
  </si>
  <si>
    <t>Vues d'en haut : Les prairies du Dakota</t>
  </si>
  <si>
    <t>South Dakota - Bison to Winner Rodeo (FRA)</t>
  </si>
  <si>
    <t>00:22</t>
  </si>
  <si>
    <t>Notre traversée du Dakota du Sud débute dans le village rural traditionnel de Bison, du nom de ces animaux qui parcouraient autrefois le continent en larges troupeaux et ont fait récemment leur grand retour. À l’est, nous survolons le Missouri, plus long fleuve des États-Unis, et découvrons le lieu de repos éternel du chef Sitting Bull, chef le plus célèbre des Sioux qui a mené sa tribu jusqu’à la victoire lors de la bataille de Little Bighorn. Plus au sud, nous arrivons au gigantesque barrage d’Oahe, l’un des plus imposants barrages construits par l’être humain sur la planète, source essentielle d’énergie hydroélectrique de la région. Nous poursuivons plus à l’est, où nous attend la ville de Mitchell et son étrange Corn Palace, un édifice orné de peintures murales faites entièrement à partir de maïs. Notre aventure prend fin dans la petite ville de Winner, où nous assistons à une grande tradition du folklore américain, également très dangereuse : un rodéo.</t>
  </si>
  <si>
    <t>P0846286</t>
  </si>
  <si>
    <t>Sur les rails de France : De l’Auvergne à la Méditerranée</t>
  </si>
  <si>
    <t>De l’Auvergne à la Méditerranée</t>
  </si>
  <si>
    <t xml:space="preserve">Nous embarquons pour une nouvelle aventure à bord de quatre voies mythiques de chemin de fer qui longent les courbes du Massif central jusqu’aux rives de la Méditerranée. Notre périple commence en Auvergne, à bord du légendaire train des Gorges de l’Allier. S’y dévoilent de somptueux paysages façonnés par l’eau et les volcans, créant ainsi un relief exceptionnel. C’est au XIXème siècle, dans ces décors accidentés, qu’est construite la plus ancienne voie ferrée du centre de la France. Nos guides d’exception nous conteront l’histoire de sa réalisation. La découverte de trains de collection se poursuivra à bord d’un petit bijou du patrimoine ferroviaire : l’autorail panoramique construit en 1959. Dans ce paradis de biodiversité, se dressera la magistrale montagne du Livradois-Forez. Nous découvrirons le château de Mons dont les heureux propriétaires se feront un plaisir de nous raconter l’étonnante histoire. Ensuite, direction la nature sauvage ! Un beau voyage qui ne fait que commencer… </t>
  </si>
  <si>
    <t>P0847574</t>
  </si>
  <si>
    <t>Vues d'en haut : En Afrique du Sud</t>
  </si>
  <si>
    <t>South Africa - South West along coast (FRA)</t>
  </si>
  <si>
    <t>Notre aventure débute à Saldanha, au bord de la plus vaste et plus profonde baie d’Afrique du Sud. En descendant le littoral, nous survolons le parc national de West Coast ainsi que des vignobles à flanc de coteau jusqu’à Robben Island, île sur laquelle fut détenu Nelson Mandela pendant 17 ans. Plus au sud nous attend le Cap, ville-mère ayant donné naissance à la nation toute entière, surplombée par la légendaire montagne de la Table. En poursuivant notre route vers le sud, nous traversons les plages de sable blanc de Camps Bay et de Noordhoek jusqu’à la ville de Simon’s Town, base navale de l’Afrique du Sud depuis plus de deux siècles. Notre voyage s’achève au cap de Bonne-Espérance, dans les eaux sillonnées par un navire fantôme.</t>
  </si>
  <si>
    <t>P0847576</t>
  </si>
  <si>
    <t>Vues d'en haut : Les forêts de l'Arkansas</t>
  </si>
  <si>
    <t>USA, Arkansas (FRA)</t>
  </si>
  <si>
    <t>Notre traversée de l’Arkansas débute à Stamps, lieu de naissance et sujet de l’écrivaine Maya Angelou, avant de survoler la ville de Hope et la maison d’enfance de l’ancien président Bill Clinton. Plus au nord, nous sillonnons le Diamond State Park, mine ouverte aux visiteurs qui peuvent partir à la recherche de certains des plus gros diamants du pays. Nous poursuivons à l’est jusqu’au lac Hamilton, spectaculaire lac artificiel et destination prisée des amateurs de sports nautiques. Cap ensuite au nord, à la découverte de l’immense forêt nationale d’Ozark, étendue sauvage fascinante fidèle à la réputation d’« État naturel » de l’Arkansas. La ville historique de Fort Smith marque le point final de notre voyage.</t>
  </si>
  <si>
    <t>P0767093</t>
  </si>
  <si>
    <t>Sur les Alpes perchées : Verbier, la station "sensations"</t>
  </si>
  <si>
    <t>Sur les Alpes perchées</t>
  </si>
  <si>
    <t>Verbier, la station "sensations"</t>
  </si>
  <si>
    <t>Bruno Fabresse,Jean-Marc Chauvet,Julien Rocher,Quentin de Froment,Stéphane Krausz,Vincent Françoise,Yacine Ben Jannette,Yvan Wastiaux</t>
  </si>
  <si>
    <t>Verbier est une des plus célèbres stations de ski des Alpes. Une référence qui doit ce statut enviable à son très grand domaine skiable répondant aux attentes des skieurs les plus exigeants, ses innombrables itinéraires hors-pistes et sa vie nocturne débridée. Sandy Heribert va à la rencontre de personnages hauts en couleur, passionnés et passionnants, qui lui font découvrir ce spot. En premier lieu, Géraldine Fassnacht, une très grande championne de snowboard extrême et de wingsuit, la guide sur ses descentes favorites puis l'invite à sauter en chute libre depuis un hélicoptère pour contempler les sommets depuis le ciel. Sandy suit ensuite Lolo Besse, une autre icône de la glisse, qui l'introduit dans les coulisses du plus grand événement de la glisse en hiver, le Freeride World Tour, la finale du championnat du monde du ski extrême. Enfin, Vincent Riba partage ses bonnes adresses de l’après-ski et de la vie nocturne puis Eddy Baillifard, le roi de la raclette dans le Valais, livre tous ses secrets.</t>
  </si>
  <si>
    <t>21:20:00:00</t>
  </si>
  <si>
    <t>P0762749</t>
  </si>
  <si>
    <t>Sur les Alpes perchées : La Plagne, la neige en partage</t>
  </si>
  <si>
    <t>La Plagne, la neige en partage</t>
  </si>
  <si>
    <t>Sportive et familiale, la Plagne en Savoie fait partie de Paradiski, deuxième plus grand domaine skiable du monde. Sandy Heribert découvre la station en compagnie d’un guide de choix, Julien Régnier, un skieur freestyle réputé, ancien champion de ski de bosses. Elle s’amuse sur le fun slope, une descente ludique avant de s’aventurer sur  les fameuses « pistes nature » de La Plagne. Impossible de ne pas s’essayer aux joies du bobsleigh ou de la luge, la commune possédant des infrastructures uniques au monde. Sandy embarque dans un bob avec Romain Heinrich, le pousseur de l’équipe de France, qui lui montre les subtilités de la célèbre descente olympique. Sensations garanties. Elle assiste au championnat du monde de télémark, l’ancêtre du ski moderne, avec Igor Fiard, ancien membre de l’équipe de France. Enfin, Sandy apprend à faire la tartiflette à l’ancienne avec Roland Loyet, le chef d’un joli chalet d’alpage Forperet et passe une nuit insolite dans un kota finlandais avec Régis Michelas.</t>
  </si>
  <si>
    <t>P0863754</t>
  </si>
  <si>
    <t>Le Grand Tour de Suisse : De Zürich à l'Oberland bernois</t>
  </si>
  <si>
    <t>Grand Tour de Suisse</t>
  </si>
  <si>
    <t>German-speaking Switzerland</t>
  </si>
  <si>
    <t>Anja Glücklich,Christina Trebbi</t>
  </si>
  <si>
    <t>La Suisse germanophone. Au départ du nord-est de la Suisse, nous traverserons le pays, ferons une halte à Lucerne et à Berne, jusqu’au Jungfraujoch, dans le sud-ouest de l’État helvétique.</t>
  </si>
  <si>
    <t>25:10:00:00</t>
  </si>
  <si>
    <t>26:55:00:00</t>
  </si>
  <si>
    <t>DECOUVRIR LE MONDE  COLOMB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3">
    <fill>
      <patternFill patternType="none"/>
    </fill>
    <fill>
      <patternFill patternType="gray125"/>
    </fill>
    <fill>
      <patternFill patternType="solid">
        <fgColor theme="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9">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xf numFmtId="0" fontId="4" fillId="2" borderId="1" xfId="0" applyNumberFormat="1" applyFont="1" applyFill="1" applyBorder="1" applyAlignment="1">
      <alignment vertical="top" wrapText="1" readingOrder="1"/>
    </xf>
    <xf numFmtId="0" fontId="1" fillId="2" borderId="0" xfId="0" applyFont="1" applyFill="1" applyBorder="1"/>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85"/>
  <sheetViews>
    <sheetView showGridLines="0" tabSelected="1" topLeftCell="A78" workbookViewId="0">
      <selection activeCell="E94" sqref="E94"/>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c r="D3" s="2" t="s">
        <v>15</v>
      </c>
      <c r="E3" s="2" t="s">
        <v>16</v>
      </c>
      <c r="F3" s="2" t="s">
        <v>17</v>
      </c>
      <c r="G3" s="3">
        <v>2</v>
      </c>
      <c r="H3" s="2" t="s">
        <v>18</v>
      </c>
      <c r="I3" s="3">
        <v>2019</v>
      </c>
      <c r="J3" s="2" t="s">
        <v>19</v>
      </c>
      <c r="K3" s="2" t="s">
        <v>20</v>
      </c>
      <c r="L3" s="2" t="s">
        <v>21</v>
      </c>
    </row>
    <row r="4" spans="1:12" ht="15.2" customHeight="1">
      <c r="A4" s="2" t="s">
        <v>13</v>
      </c>
      <c r="B4" s="2" t="s">
        <v>22</v>
      </c>
      <c r="C4" s="2" t="s">
        <v>23</v>
      </c>
      <c r="D4" s="2" t="s">
        <v>24</v>
      </c>
      <c r="E4" s="2" t="s">
        <v>25</v>
      </c>
      <c r="F4" s="2" t="s">
        <v>26</v>
      </c>
      <c r="G4" s="3">
        <v>26</v>
      </c>
      <c r="H4" s="2" t="s">
        <v>27</v>
      </c>
      <c r="I4" s="3">
        <v>2010</v>
      </c>
      <c r="J4" s="2" t="s">
        <v>19</v>
      </c>
      <c r="K4" s="2" t="s">
        <v>28</v>
      </c>
      <c r="L4" s="2" t="s">
        <v>29</v>
      </c>
    </row>
    <row r="5" spans="1:12" ht="15.2" customHeight="1">
      <c r="A5" s="2" t="s">
        <v>13</v>
      </c>
      <c r="B5" s="2" t="s">
        <v>30</v>
      </c>
      <c r="C5" s="2"/>
      <c r="D5" s="2" t="s">
        <v>31</v>
      </c>
      <c r="E5" s="2" t="s">
        <v>31</v>
      </c>
      <c r="F5" s="2" t="s">
        <v>31</v>
      </c>
      <c r="G5" s="3">
        <v>1</v>
      </c>
      <c r="H5" s="2" t="s">
        <v>18</v>
      </c>
      <c r="I5" s="3">
        <v>2020</v>
      </c>
      <c r="J5" s="2" t="s">
        <v>19</v>
      </c>
      <c r="K5" s="2" t="s">
        <v>32</v>
      </c>
      <c r="L5" s="2"/>
    </row>
    <row r="6" spans="1:12" ht="15.2" customHeight="1">
      <c r="A6" s="2" t="s">
        <v>13</v>
      </c>
      <c r="B6" s="2" t="s">
        <v>33</v>
      </c>
      <c r="C6" s="2" t="s">
        <v>34</v>
      </c>
      <c r="D6" s="2" t="s">
        <v>35</v>
      </c>
      <c r="E6" s="2" t="s">
        <v>36</v>
      </c>
      <c r="F6" s="2" t="s">
        <v>35</v>
      </c>
      <c r="G6" s="3">
        <v>1</v>
      </c>
      <c r="H6" s="2" t="s">
        <v>18</v>
      </c>
      <c r="I6" s="3">
        <v>2018</v>
      </c>
      <c r="J6" s="2" t="s">
        <v>19</v>
      </c>
      <c r="K6" s="2" t="s">
        <v>37</v>
      </c>
      <c r="L6" s="2" t="s">
        <v>38</v>
      </c>
    </row>
    <row r="7" spans="1:12" ht="15.2" customHeight="1">
      <c r="A7" s="2" t="s">
        <v>13</v>
      </c>
      <c r="B7" s="2" t="s">
        <v>39</v>
      </c>
      <c r="C7" s="2" t="s">
        <v>40</v>
      </c>
      <c r="D7" s="2" t="s">
        <v>41</v>
      </c>
      <c r="E7" s="2" t="s">
        <v>42</v>
      </c>
      <c r="F7" s="2" t="s">
        <v>43</v>
      </c>
      <c r="G7" s="3">
        <v>2</v>
      </c>
      <c r="H7" s="2" t="s">
        <v>18</v>
      </c>
      <c r="I7" s="3">
        <v>2018</v>
      </c>
      <c r="J7" s="2" t="s">
        <v>19</v>
      </c>
      <c r="K7" s="2" t="s">
        <v>44</v>
      </c>
      <c r="L7" s="2" t="s">
        <v>45</v>
      </c>
    </row>
    <row r="8" spans="1:12" ht="15.2" customHeight="1">
      <c r="A8" s="2" t="s">
        <v>13</v>
      </c>
      <c r="B8" s="2" t="s">
        <v>46</v>
      </c>
      <c r="C8" s="2" t="s">
        <v>47</v>
      </c>
      <c r="D8" s="2" t="s">
        <v>48</v>
      </c>
      <c r="E8" s="2" t="s">
        <v>49</v>
      </c>
      <c r="F8" s="2" t="s">
        <v>50</v>
      </c>
      <c r="G8" s="3">
        <v>6</v>
      </c>
      <c r="H8" s="2" t="s">
        <v>27</v>
      </c>
      <c r="I8" s="3">
        <v>2017</v>
      </c>
      <c r="J8" s="2" t="s">
        <v>19</v>
      </c>
      <c r="K8" s="2" t="s">
        <v>51</v>
      </c>
      <c r="L8" s="2" t="s">
        <v>52</v>
      </c>
    </row>
    <row r="9" spans="1:12" ht="15.2" customHeight="1">
      <c r="A9" s="2" t="s">
        <v>13</v>
      </c>
      <c r="B9" s="2" t="s">
        <v>53</v>
      </c>
      <c r="C9" s="2" t="s">
        <v>54</v>
      </c>
      <c r="D9" s="2" t="s">
        <v>55</v>
      </c>
      <c r="E9" s="2" t="s">
        <v>25</v>
      </c>
      <c r="F9" s="2" t="s">
        <v>56</v>
      </c>
      <c r="G9" s="3">
        <v>27</v>
      </c>
      <c r="H9" s="2" t="s">
        <v>27</v>
      </c>
      <c r="I9" s="3">
        <v>2010</v>
      </c>
      <c r="J9" s="2" t="s">
        <v>19</v>
      </c>
      <c r="K9" s="2" t="s">
        <v>28</v>
      </c>
      <c r="L9" s="2" t="s">
        <v>57</v>
      </c>
    </row>
    <row r="10" spans="1:12" ht="15.2" customHeight="1">
      <c r="A10" s="2" t="s">
        <v>13</v>
      </c>
      <c r="B10" s="2" t="s">
        <v>58</v>
      </c>
      <c r="C10" s="2" t="s">
        <v>59</v>
      </c>
      <c r="D10" s="2" t="s">
        <v>60</v>
      </c>
      <c r="E10" s="2" t="s">
        <v>61</v>
      </c>
      <c r="F10" s="2" t="s">
        <v>62</v>
      </c>
      <c r="G10" s="3">
        <v>4</v>
      </c>
      <c r="H10" s="2" t="s">
        <v>63</v>
      </c>
      <c r="I10" s="3">
        <v>2016</v>
      </c>
      <c r="J10" s="2" t="s">
        <v>19</v>
      </c>
      <c r="K10" s="2" t="s">
        <v>64</v>
      </c>
      <c r="L10" s="2" t="s">
        <v>65</v>
      </c>
    </row>
    <row r="11" spans="1:12" ht="15.2" customHeight="1">
      <c r="A11" s="2" t="s">
        <v>13</v>
      </c>
      <c r="B11" s="2" t="s">
        <v>66</v>
      </c>
      <c r="C11" s="2" t="s">
        <v>67</v>
      </c>
      <c r="D11" s="2" t="s">
        <v>68</v>
      </c>
      <c r="E11" s="2" t="s">
        <v>69</v>
      </c>
      <c r="F11" s="2" t="s">
        <v>70</v>
      </c>
      <c r="G11" s="3">
        <v>3</v>
      </c>
      <c r="H11" s="2" t="s">
        <v>71</v>
      </c>
      <c r="I11" s="3">
        <v>2017</v>
      </c>
      <c r="J11" s="2" t="s">
        <v>19</v>
      </c>
      <c r="K11" s="2" t="s">
        <v>72</v>
      </c>
      <c r="L11" s="2" t="s">
        <v>73</v>
      </c>
    </row>
    <row r="12" spans="1:12" ht="15.2" customHeight="1">
      <c r="A12" s="2" t="s">
        <v>13</v>
      </c>
      <c r="B12" s="2" t="s">
        <v>74</v>
      </c>
      <c r="C12" s="2" t="s">
        <v>75</v>
      </c>
      <c r="D12" s="2" t="s">
        <v>76</v>
      </c>
      <c r="E12" s="2" t="s">
        <v>77</v>
      </c>
      <c r="F12" s="2" t="s">
        <v>78</v>
      </c>
      <c r="G12" s="3">
        <v>1</v>
      </c>
      <c r="H12" s="2" t="s">
        <v>79</v>
      </c>
      <c r="I12" s="3">
        <v>2018</v>
      </c>
      <c r="J12" s="2" t="s">
        <v>80</v>
      </c>
      <c r="K12" s="2" t="s">
        <v>81</v>
      </c>
      <c r="L12" s="2" t="s">
        <v>82</v>
      </c>
    </row>
    <row r="13" spans="1:12" ht="15.2" customHeight="1">
      <c r="A13" s="2" t="s">
        <v>13</v>
      </c>
      <c r="B13" s="2" t="s">
        <v>83</v>
      </c>
      <c r="C13" s="2" t="s">
        <v>84</v>
      </c>
      <c r="D13" s="2" t="s">
        <v>85</v>
      </c>
      <c r="E13" s="2" t="s">
        <v>86</v>
      </c>
      <c r="F13" s="2" t="s">
        <v>87</v>
      </c>
      <c r="G13" s="3">
        <v>5</v>
      </c>
      <c r="H13" s="2" t="s">
        <v>88</v>
      </c>
      <c r="I13" s="3">
        <v>2014</v>
      </c>
      <c r="J13" s="2" t="s">
        <v>89</v>
      </c>
      <c r="K13" s="2" t="s">
        <v>90</v>
      </c>
      <c r="L13" s="2" t="s">
        <v>91</v>
      </c>
    </row>
    <row r="14" spans="1:12" ht="15.2" customHeight="1">
      <c r="A14" s="2" t="s">
        <v>13</v>
      </c>
      <c r="B14" s="2" t="s">
        <v>92</v>
      </c>
      <c r="C14" s="2" t="s">
        <v>93</v>
      </c>
      <c r="D14" s="2" t="s">
        <v>94</v>
      </c>
      <c r="E14" s="2" t="s">
        <v>86</v>
      </c>
      <c r="F14" s="2" t="s">
        <v>95</v>
      </c>
      <c r="G14" s="3">
        <v>6</v>
      </c>
      <c r="H14" s="2" t="s">
        <v>88</v>
      </c>
      <c r="I14" s="3">
        <v>2014</v>
      </c>
      <c r="J14" s="2" t="s">
        <v>89</v>
      </c>
      <c r="K14" s="2" t="s">
        <v>90</v>
      </c>
      <c r="L14" s="2" t="s">
        <v>96</v>
      </c>
    </row>
    <row r="15" spans="1:12" ht="15.2" customHeight="1">
      <c r="A15" s="2" t="s">
        <v>13</v>
      </c>
      <c r="B15" s="2" t="s">
        <v>97</v>
      </c>
      <c r="C15" s="2"/>
      <c r="D15" s="2" t="s">
        <v>15</v>
      </c>
      <c r="E15" s="2" t="s">
        <v>16</v>
      </c>
      <c r="F15" s="2" t="s">
        <v>17</v>
      </c>
      <c r="G15" s="3">
        <v>2</v>
      </c>
      <c r="H15" s="2" t="s">
        <v>18</v>
      </c>
      <c r="I15" s="3">
        <v>2019</v>
      </c>
      <c r="J15" s="2" t="s">
        <v>19</v>
      </c>
      <c r="K15" s="2" t="s">
        <v>20</v>
      </c>
      <c r="L15" s="2" t="s">
        <v>21</v>
      </c>
    </row>
    <row r="16" spans="1:12" ht="15.2" customHeight="1">
      <c r="A16" s="2" t="s">
        <v>13</v>
      </c>
      <c r="B16" s="2" t="s">
        <v>98</v>
      </c>
      <c r="C16" s="2" t="s">
        <v>99</v>
      </c>
      <c r="D16" s="2" t="s">
        <v>100</v>
      </c>
      <c r="E16" s="2" t="s">
        <v>16</v>
      </c>
      <c r="F16" s="2" t="s">
        <v>101</v>
      </c>
      <c r="G16" s="3">
        <v>3</v>
      </c>
      <c r="H16" s="2" t="s">
        <v>18</v>
      </c>
      <c r="I16" s="3">
        <v>2018</v>
      </c>
      <c r="J16" s="2" t="s">
        <v>19</v>
      </c>
      <c r="K16" s="2" t="s">
        <v>102</v>
      </c>
      <c r="L16" s="2" t="s">
        <v>103</v>
      </c>
    </row>
    <row r="17" spans="1:12" ht="15.2" customHeight="1">
      <c r="A17" s="2" t="s">
        <v>13</v>
      </c>
      <c r="B17" s="2" t="s">
        <v>104</v>
      </c>
      <c r="C17" s="2" t="s">
        <v>105</v>
      </c>
      <c r="D17" s="2" t="s">
        <v>106</v>
      </c>
      <c r="E17" s="2" t="s">
        <v>107</v>
      </c>
      <c r="F17" s="2" t="s">
        <v>108</v>
      </c>
      <c r="G17" s="3">
        <v>3</v>
      </c>
      <c r="H17" s="2" t="s">
        <v>18</v>
      </c>
      <c r="I17" s="3">
        <v>2019</v>
      </c>
      <c r="J17" s="2" t="s">
        <v>19</v>
      </c>
      <c r="K17" s="2" t="s">
        <v>109</v>
      </c>
      <c r="L17" s="2" t="s">
        <v>110</v>
      </c>
    </row>
    <row r="18" spans="1:12" ht="15.2" customHeight="1">
      <c r="A18" s="2" t="s">
        <v>13</v>
      </c>
      <c r="B18" s="2" t="s">
        <v>111</v>
      </c>
      <c r="C18" s="2" t="s">
        <v>112</v>
      </c>
      <c r="D18" s="2" t="s">
        <v>113</v>
      </c>
      <c r="E18" s="2" t="s">
        <v>114</v>
      </c>
      <c r="F18" s="2" t="s">
        <v>115</v>
      </c>
      <c r="G18" s="3">
        <v>3</v>
      </c>
      <c r="H18" s="2" t="s">
        <v>18</v>
      </c>
      <c r="I18" s="3">
        <v>2019</v>
      </c>
      <c r="J18" s="2" t="s">
        <v>19</v>
      </c>
      <c r="K18" s="2" t="s">
        <v>116</v>
      </c>
      <c r="L18" s="2" t="s">
        <v>117</v>
      </c>
    </row>
    <row r="19" spans="1:12" ht="15.2" customHeight="1">
      <c r="A19" s="2" t="s">
        <v>13</v>
      </c>
      <c r="B19" s="2" t="s">
        <v>118</v>
      </c>
      <c r="C19" s="2" t="s">
        <v>119</v>
      </c>
      <c r="D19" s="2" t="s">
        <v>120</v>
      </c>
      <c r="E19" s="2" t="s">
        <v>114</v>
      </c>
      <c r="F19" s="2" t="s">
        <v>121</v>
      </c>
      <c r="G19" s="3">
        <v>4</v>
      </c>
      <c r="H19" s="2" t="s">
        <v>27</v>
      </c>
      <c r="I19" s="3">
        <v>2019</v>
      </c>
      <c r="J19" s="2" t="s">
        <v>19</v>
      </c>
      <c r="K19" s="2" t="s">
        <v>116</v>
      </c>
      <c r="L19" s="2" t="s">
        <v>122</v>
      </c>
    </row>
    <row r="20" spans="1:12" ht="15.2" customHeight="1">
      <c r="A20" s="2" t="s">
        <v>13</v>
      </c>
      <c r="B20" s="2" t="s">
        <v>123</v>
      </c>
      <c r="C20" s="2"/>
      <c r="D20" s="2" t="s">
        <v>31</v>
      </c>
      <c r="E20" s="2" t="s">
        <v>31</v>
      </c>
      <c r="F20" s="2" t="s">
        <v>31</v>
      </c>
      <c r="G20" s="3">
        <v>1</v>
      </c>
      <c r="H20" s="2" t="s">
        <v>18</v>
      </c>
      <c r="I20" s="3">
        <v>2020</v>
      </c>
      <c r="J20" s="2" t="s">
        <v>19</v>
      </c>
      <c r="K20" s="2" t="s">
        <v>32</v>
      </c>
      <c r="L20" s="2"/>
    </row>
    <row r="21" spans="1:12" ht="15.2" customHeight="1">
      <c r="A21" s="2" t="s">
        <v>13</v>
      </c>
      <c r="B21" s="2" t="s">
        <v>124</v>
      </c>
      <c r="C21" s="2" t="s">
        <v>34</v>
      </c>
      <c r="D21" s="2" t="s">
        <v>35</v>
      </c>
      <c r="E21" s="2" t="s">
        <v>36</v>
      </c>
      <c r="F21" s="2" t="s">
        <v>35</v>
      </c>
      <c r="G21" s="3">
        <v>1</v>
      </c>
      <c r="H21" s="2" t="s">
        <v>18</v>
      </c>
      <c r="I21" s="3">
        <v>2018</v>
      </c>
      <c r="J21" s="2" t="s">
        <v>19</v>
      </c>
      <c r="K21" s="2" t="s">
        <v>37</v>
      </c>
      <c r="L21" s="2" t="s">
        <v>38</v>
      </c>
    </row>
    <row r="22" spans="1:12" ht="15.2" customHeight="1">
      <c r="A22" s="2" t="s">
        <v>13</v>
      </c>
      <c r="B22" s="2" t="s">
        <v>125</v>
      </c>
      <c r="C22" s="2" t="s">
        <v>112</v>
      </c>
      <c r="D22" s="2" t="s">
        <v>113</v>
      </c>
      <c r="E22" s="2" t="s">
        <v>114</v>
      </c>
      <c r="F22" s="2" t="s">
        <v>115</v>
      </c>
      <c r="G22" s="3">
        <v>3</v>
      </c>
      <c r="H22" s="2" t="s">
        <v>18</v>
      </c>
      <c r="I22" s="3">
        <v>2019</v>
      </c>
      <c r="J22" s="2" t="s">
        <v>19</v>
      </c>
      <c r="K22" s="2" t="s">
        <v>116</v>
      </c>
      <c r="L22" s="2" t="s">
        <v>117</v>
      </c>
    </row>
    <row r="23" spans="1:12" ht="15.2" customHeight="1">
      <c r="A23" s="2" t="s">
        <v>13</v>
      </c>
      <c r="B23" s="2" t="s">
        <v>126</v>
      </c>
      <c r="C23" s="2" t="s">
        <v>119</v>
      </c>
      <c r="D23" s="2" t="s">
        <v>120</v>
      </c>
      <c r="E23" s="3" t="s">
        <v>569</v>
      </c>
      <c r="F23" s="2" t="s">
        <v>121</v>
      </c>
      <c r="G23" s="3">
        <v>4</v>
      </c>
      <c r="H23" s="2" t="s">
        <v>27</v>
      </c>
      <c r="I23" s="3">
        <v>2019</v>
      </c>
      <c r="J23" s="2" t="s">
        <v>19</v>
      </c>
      <c r="K23" s="2" t="s">
        <v>116</v>
      </c>
      <c r="L23" s="2" t="s">
        <v>122</v>
      </c>
    </row>
    <row r="24" spans="1:12" ht="15.2" customHeight="1">
      <c r="A24" s="2" t="s">
        <v>13</v>
      </c>
      <c r="B24" s="2" t="s">
        <v>127</v>
      </c>
      <c r="C24" s="2"/>
      <c r="D24" s="2" t="s">
        <v>128</v>
      </c>
      <c r="E24" s="2" t="s">
        <v>129</v>
      </c>
      <c r="F24" s="2" t="s">
        <v>130</v>
      </c>
      <c r="G24" s="3">
        <v>1</v>
      </c>
      <c r="H24" s="2" t="s">
        <v>18</v>
      </c>
      <c r="I24" s="3">
        <v>2020</v>
      </c>
      <c r="J24" s="2" t="s">
        <v>19</v>
      </c>
      <c r="K24" s="2" t="s">
        <v>131</v>
      </c>
      <c r="L24" s="2" t="s">
        <v>132</v>
      </c>
    </row>
    <row r="25" spans="1:12" ht="15.2" customHeight="1">
      <c r="A25" s="2" t="s">
        <v>13</v>
      </c>
      <c r="B25" s="2" t="s">
        <v>133</v>
      </c>
      <c r="C25" s="2" t="s">
        <v>134</v>
      </c>
      <c r="D25" s="2" t="s">
        <v>135</v>
      </c>
      <c r="E25" s="2" t="s">
        <v>136</v>
      </c>
      <c r="F25" s="2" t="s">
        <v>137</v>
      </c>
      <c r="G25" s="3">
        <v>3</v>
      </c>
      <c r="H25" s="2" t="s">
        <v>18</v>
      </c>
      <c r="I25" s="3">
        <v>2017</v>
      </c>
      <c r="J25" s="2" t="s">
        <v>19</v>
      </c>
      <c r="K25" s="2" t="s">
        <v>138</v>
      </c>
      <c r="L25" s="2" t="s">
        <v>139</v>
      </c>
    </row>
    <row r="26" spans="1:12" ht="15.2" customHeight="1">
      <c r="A26" s="2" t="s">
        <v>13</v>
      </c>
      <c r="B26" s="2" t="s">
        <v>140</v>
      </c>
      <c r="C26" s="2" t="s">
        <v>141</v>
      </c>
      <c r="D26" s="2" t="s">
        <v>142</v>
      </c>
      <c r="E26" s="2" t="s">
        <v>143</v>
      </c>
      <c r="F26" s="2" t="s">
        <v>144</v>
      </c>
      <c r="G26" s="3">
        <v>1</v>
      </c>
      <c r="H26" s="2" t="s">
        <v>18</v>
      </c>
      <c r="I26" s="3">
        <v>2019</v>
      </c>
      <c r="J26" s="2" t="s">
        <v>19</v>
      </c>
      <c r="K26" s="2" t="s">
        <v>145</v>
      </c>
      <c r="L26" s="2" t="s">
        <v>146</v>
      </c>
    </row>
    <row r="27" spans="1:12" ht="15.2" customHeight="1">
      <c r="A27" s="2" t="s">
        <v>13</v>
      </c>
      <c r="B27" s="2" t="s">
        <v>147</v>
      </c>
      <c r="C27" s="2" t="s">
        <v>59</v>
      </c>
      <c r="D27" s="2" t="s">
        <v>60</v>
      </c>
      <c r="E27" s="2" t="s">
        <v>61</v>
      </c>
      <c r="F27" s="2" t="s">
        <v>62</v>
      </c>
      <c r="G27" s="3">
        <v>4</v>
      </c>
      <c r="H27" s="2" t="s">
        <v>63</v>
      </c>
      <c r="I27" s="3">
        <v>2016</v>
      </c>
      <c r="J27" s="2" t="s">
        <v>19</v>
      </c>
      <c r="K27" s="2" t="s">
        <v>64</v>
      </c>
      <c r="L27" s="2" t="s">
        <v>65</v>
      </c>
    </row>
    <row r="28" spans="1:12" ht="15.2" customHeight="1">
      <c r="A28" s="2" t="s">
        <v>148</v>
      </c>
      <c r="B28" s="2" t="s">
        <v>14</v>
      </c>
      <c r="C28" s="2" t="s">
        <v>99</v>
      </c>
      <c r="D28" s="2" t="s">
        <v>100</v>
      </c>
      <c r="E28" s="2" t="s">
        <v>16</v>
      </c>
      <c r="F28" s="2" t="s">
        <v>101</v>
      </c>
      <c r="G28" s="3">
        <v>3</v>
      </c>
      <c r="H28" s="2" t="s">
        <v>18</v>
      </c>
      <c r="I28" s="3">
        <v>2018</v>
      </c>
      <c r="J28" s="2" t="s">
        <v>19</v>
      </c>
      <c r="K28" s="2" t="s">
        <v>102</v>
      </c>
      <c r="L28" s="2" t="s">
        <v>103</v>
      </c>
    </row>
    <row r="29" spans="1:12" ht="15.2" customHeight="1">
      <c r="A29" s="2" t="s">
        <v>148</v>
      </c>
      <c r="B29" s="2" t="s">
        <v>22</v>
      </c>
      <c r="C29" s="2" t="s">
        <v>54</v>
      </c>
      <c r="D29" s="2" t="s">
        <v>55</v>
      </c>
      <c r="E29" s="2" t="s">
        <v>25</v>
      </c>
      <c r="F29" s="2" t="s">
        <v>56</v>
      </c>
      <c r="G29" s="3">
        <v>27</v>
      </c>
      <c r="H29" s="2" t="s">
        <v>27</v>
      </c>
      <c r="I29" s="3">
        <v>2010</v>
      </c>
      <c r="J29" s="2" t="s">
        <v>19</v>
      </c>
      <c r="K29" s="2" t="s">
        <v>28</v>
      </c>
      <c r="L29" s="2" t="s">
        <v>57</v>
      </c>
    </row>
    <row r="30" spans="1:12" ht="15.2" customHeight="1">
      <c r="A30" s="2" t="s">
        <v>148</v>
      </c>
      <c r="B30" s="2" t="s">
        <v>30</v>
      </c>
      <c r="C30" s="2" t="s">
        <v>149</v>
      </c>
      <c r="D30" s="2" t="s">
        <v>150</v>
      </c>
      <c r="E30" s="2" t="s">
        <v>150</v>
      </c>
      <c r="F30" s="2" t="s">
        <v>150</v>
      </c>
      <c r="G30" s="3">
        <v>1</v>
      </c>
      <c r="H30" s="2" t="s">
        <v>18</v>
      </c>
      <c r="I30" s="3">
        <v>2019</v>
      </c>
      <c r="J30" s="2" t="s">
        <v>19</v>
      </c>
      <c r="K30" s="2" t="s">
        <v>151</v>
      </c>
      <c r="L30" s="2" t="s">
        <v>152</v>
      </c>
    </row>
    <row r="31" spans="1:12" ht="15.2" customHeight="1">
      <c r="A31" s="2" t="s">
        <v>148</v>
      </c>
      <c r="B31" s="2" t="s">
        <v>33</v>
      </c>
      <c r="C31" s="2" t="s">
        <v>153</v>
      </c>
      <c r="D31" s="2" t="s">
        <v>154</v>
      </c>
      <c r="E31" s="2" t="s">
        <v>155</v>
      </c>
      <c r="F31" s="2" t="s">
        <v>156</v>
      </c>
      <c r="G31" s="3">
        <v>7</v>
      </c>
      <c r="H31" s="2" t="s">
        <v>27</v>
      </c>
      <c r="I31" s="3">
        <v>2018</v>
      </c>
      <c r="J31" s="2" t="s">
        <v>19</v>
      </c>
      <c r="K31" s="2" t="s">
        <v>157</v>
      </c>
      <c r="L31" s="2" t="s">
        <v>158</v>
      </c>
    </row>
    <row r="32" spans="1:12" ht="15.2" customHeight="1">
      <c r="A32" s="2" t="s">
        <v>148</v>
      </c>
      <c r="B32" s="2" t="s">
        <v>39</v>
      </c>
      <c r="C32" s="2"/>
      <c r="D32" s="2" t="s">
        <v>15</v>
      </c>
      <c r="E32" s="2" t="s">
        <v>16</v>
      </c>
      <c r="F32" s="2" t="s">
        <v>17</v>
      </c>
      <c r="G32" s="3">
        <v>2</v>
      </c>
      <c r="H32" s="2" t="s">
        <v>18</v>
      </c>
      <c r="I32" s="3">
        <v>2019</v>
      </c>
      <c r="J32" s="2" t="s">
        <v>19</v>
      </c>
      <c r="K32" s="2" t="s">
        <v>20</v>
      </c>
      <c r="L32" s="2" t="s">
        <v>21</v>
      </c>
    </row>
    <row r="33" spans="1:12" ht="15.2" customHeight="1">
      <c r="A33" s="2" t="s">
        <v>148</v>
      </c>
      <c r="B33" s="2" t="s">
        <v>46</v>
      </c>
      <c r="C33" s="2" t="s">
        <v>99</v>
      </c>
      <c r="D33" s="2" t="s">
        <v>100</v>
      </c>
      <c r="E33" s="2" t="s">
        <v>16</v>
      </c>
      <c r="F33" s="2" t="s">
        <v>101</v>
      </c>
      <c r="G33" s="3">
        <v>3</v>
      </c>
      <c r="H33" s="2" t="s">
        <v>18</v>
      </c>
      <c r="I33" s="3">
        <v>2018</v>
      </c>
      <c r="J33" s="2" t="s">
        <v>19</v>
      </c>
      <c r="K33" s="2" t="s">
        <v>102</v>
      </c>
      <c r="L33" s="2" t="s">
        <v>103</v>
      </c>
    </row>
    <row r="34" spans="1:12" ht="15.2" customHeight="1">
      <c r="A34" s="2" t="s">
        <v>148</v>
      </c>
      <c r="B34" s="2" t="s">
        <v>159</v>
      </c>
      <c r="C34" s="2" t="s">
        <v>160</v>
      </c>
      <c r="D34" s="2" t="s">
        <v>161</v>
      </c>
      <c r="E34" s="2" t="s">
        <v>107</v>
      </c>
      <c r="F34" s="2" t="s">
        <v>162</v>
      </c>
      <c r="G34" s="3">
        <v>4</v>
      </c>
      <c r="H34" s="2" t="s">
        <v>18</v>
      </c>
      <c r="I34" s="3">
        <v>2019</v>
      </c>
      <c r="J34" s="2" t="s">
        <v>19</v>
      </c>
      <c r="K34" s="2" t="s">
        <v>109</v>
      </c>
      <c r="L34" s="2" t="s">
        <v>163</v>
      </c>
    </row>
    <row r="35" spans="1:12" ht="15.2" customHeight="1">
      <c r="A35" s="2" t="s">
        <v>148</v>
      </c>
      <c r="B35" s="2" t="s">
        <v>58</v>
      </c>
      <c r="C35" s="2" t="s">
        <v>75</v>
      </c>
      <c r="D35" s="2" t="s">
        <v>76</v>
      </c>
      <c r="E35" s="2" t="s">
        <v>77</v>
      </c>
      <c r="F35" s="2" t="s">
        <v>78</v>
      </c>
      <c r="G35" s="3">
        <v>1</v>
      </c>
      <c r="H35" s="2" t="s">
        <v>79</v>
      </c>
      <c r="I35" s="3">
        <v>2018</v>
      </c>
      <c r="J35" s="2" t="s">
        <v>80</v>
      </c>
      <c r="K35" s="2" t="s">
        <v>81</v>
      </c>
      <c r="L35" s="2" t="s">
        <v>82</v>
      </c>
    </row>
    <row r="36" spans="1:12" ht="15.2" customHeight="1">
      <c r="A36" s="2" t="s">
        <v>148</v>
      </c>
      <c r="B36" s="2" t="s">
        <v>164</v>
      </c>
      <c r="C36" s="2" t="s">
        <v>84</v>
      </c>
      <c r="D36" s="2" t="s">
        <v>85</v>
      </c>
      <c r="E36" s="2" t="s">
        <v>86</v>
      </c>
      <c r="F36" s="2" t="s">
        <v>87</v>
      </c>
      <c r="G36" s="3">
        <v>5</v>
      </c>
      <c r="H36" s="2" t="s">
        <v>88</v>
      </c>
      <c r="I36" s="3">
        <v>2014</v>
      </c>
      <c r="J36" s="2" t="s">
        <v>89</v>
      </c>
      <c r="K36" s="2" t="s">
        <v>90</v>
      </c>
      <c r="L36" s="2" t="s">
        <v>91</v>
      </c>
    </row>
    <row r="37" spans="1:12" ht="15.2" customHeight="1">
      <c r="A37" s="2" t="s">
        <v>148</v>
      </c>
      <c r="B37" s="2" t="s">
        <v>165</v>
      </c>
      <c r="C37" s="2" t="s">
        <v>93</v>
      </c>
      <c r="D37" s="2" t="s">
        <v>94</v>
      </c>
      <c r="E37" s="2" t="s">
        <v>86</v>
      </c>
      <c r="F37" s="2" t="s">
        <v>95</v>
      </c>
      <c r="G37" s="3">
        <v>6</v>
      </c>
      <c r="H37" s="2" t="s">
        <v>88</v>
      </c>
      <c r="I37" s="3">
        <v>2014</v>
      </c>
      <c r="J37" s="2" t="s">
        <v>89</v>
      </c>
      <c r="K37" s="2" t="s">
        <v>90</v>
      </c>
      <c r="L37" s="2" t="s">
        <v>96</v>
      </c>
    </row>
    <row r="38" spans="1:12" ht="15.2" customHeight="1">
      <c r="A38" s="2" t="s">
        <v>148</v>
      </c>
      <c r="B38" s="2" t="s">
        <v>166</v>
      </c>
      <c r="C38" s="2" t="s">
        <v>167</v>
      </c>
      <c r="D38" s="2" t="s">
        <v>168</v>
      </c>
      <c r="E38" s="2" t="s">
        <v>169</v>
      </c>
      <c r="F38" s="2" t="s">
        <v>170</v>
      </c>
      <c r="G38" s="3">
        <v>3</v>
      </c>
      <c r="H38" s="2" t="s">
        <v>27</v>
      </c>
      <c r="I38" s="3">
        <v>2018</v>
      </c>
      <c r="J38" s="2" t="s">
        <v>19</v>
      </c>
      <c r="K38" s="2" t="s">
        <v>171</v>
      </c>
      <c r="L38" s="2" t="s">
        <v>172</v>
      </c>
    </row>
    <row r="39" spans="1:12" ht="15.2" customHeight="1">
      <c r="A39" s="2" t="s">
        <v>148</v>
      </c>
      <c r="B39" s="2" t="s">
        <v>173</v>
      </c>
      <c r="C39" s="2"/>
      <c r="D39" s="2" t="s">
        <v>128</v>
      </c>
      <c r="E39" s="2" t="s">
        <v>129</v>
      </c>
      <c r="F39" s="2" t="s">
        <v>130</v>
      </c>
      <c r="G39" s="3">
        <v>1</v>
      </c>
      <c r="H39" s="2" t="s">
        <v>18</v>
      </c>
      <c r="I39" s="3">
        <v>2020</v>
      </c>
      <c r="J39" s="2" t="s">
        <v>19</v>
      </c>
      <c r="K39" s="2" t="s">
        <v>131</v>
      </c>
      <c r="L39" s="2" t="s">
        <v>132</v>
      </c>
    </row>
    <row r="40" spans="1:12" ht="15.2" customHeight="1">
      <c r="A40" s="2" t="s">
        <v>148</v>
      </c>
      <c r="B40" s="2" t="s">
        <v>174</v>
      </c>
      <c r="C40" s="2" t="s">
        <v>134</v>
      </c>
      <c r="D40" s="2" t="s">
        <v>135</v>
      </c>
      <c r="E40" s="2" t="s">
        <v>136</v>
      </c>
      <c r="F40" s="2" t="s">
        <v>137</v>
      </c>
      <c r="G40" s="3">
        <v>3</v>
      </c>
      <c r="H40" s="2" t="s">
        <v>18</v>
      </c>
      <c r="I40" s="3">
        <v>2017</v>
      </c>
      <c r="J40" s="2" t="s">
        <v>19</v>
      </c>
      <c r="K40" s="2" t="s">
        <v>138</v>
      </c>
      <c r="L40" s="2" t="s">
        <v>139</v>
      </c>
    </row>
    <row r="41" spans="1:12" ht="15.2" customHeight="1">
      <c r="A41" s="2" t="s">
        <v>148</v>
      </c>
      <c r="B41" s="2" t="s">
        <v>175</v>
      </c>
      <c r="C41" s="2" t="s">
        <v>141</v>
      </c>
      <c r="D41" s="2" t="s">
        <v>142</v>
      </c>
      <c r="E41" s="2" t="s">
        <v>143</v>
      </c>
      <c r="F41" s="2" t="s">
        <v>144</v>
      </c>
      <c r="G41" s="3">
        <v>1</v>
      </c>
      <c r="H41" s="2" t="s">
        <v>18</v>
      </c>
      <c r="I41" s="3">
        <v>2019</v>
      </c>
      <c r="J41" s="2" t="s">
        <v>19</v>
      </c>
      <c r="K41" s="2" t="s">
        <v>145</v>
      </c>
      <c r="L41" s="2" t="s">
        <v>146</v>
      </c>
    </row>
    <row r="42" spans="1:12" ht="15.2" customHeight="1">
      <c r="A42" s="2" t="s">
        <v>148</v>
      </c>
      <c r="B42" s="2" t="s">
        <v>104</v>
      </c>
      <c r="C42" s="2" t="s">
        <v>176</v>
      </c>
      <c r="D42" s="2" t="s">
        <v>177</v>
      </c>
      <c r="E42" s="2" t="s">
        <v>143</v>
      </c>
      <c r="F42" s="2" t="s">
        <v>178</v>
      </c>
      <c r="G42" s="3">
        <v>3</v>
      </c>
      <c r="H42" s="2" t="s">
        <v>18</v>
      </c>
      <c r="I42" s="3">
        <v>2019</v>
      </c>
      <c r="J42" s="2" t="s">
        <v>19</v>
      </c>
      <c r="K42" s="2" t="s">
        <v>145</v>
      </c>
      <c r="L42" s="2" t="s">
        <v>179</v>
      </c>
    </row>
    <row r="43" spans="1:12" ht="15.2" customHeight="1">
      <c r="A43" s="2" t="s">
        <v>148</v>
      </c>
      <c r="B43" s="2" t="s">
        <v>111</v>
      </c>
      <c r="C43" s="2" t="s">
        <v>180</v>
      </c>
      <c r="D43" s="2" t="s">
        <v>181</v>
      </c>
      <c r="E43" s="2" t="s">
        <v>25</v>
      </c>
      <c r="F43" s="2" t="s">
        <v>182</v>
      </c>
      <c r="G43" s="3">
        <v>19</v>
      </c>
      <c r="H43" s="2" t="s">
        <v>27</v>
      </c>
      <c r="I43" s="3">
        <v>2010</v>
      </c>
      <c r="J43" s="2" t="s">
        <v>19</v>
      </c>
      <c r="K43" s="2" t="s">
        <v>28</v>
      </c>
      <c r="L43" s="2" t="s">
        <v>183</v>
      </c>
    </row>
    <row r="44" spans="1:12" ht="15.2" customHeight="1">
      <c r="A44" s="2" t="s">
        <v>148</v>
      </c>
      <c r="B44" s="2" t="s">
        <v>184</v>
      </c>
      <c r="C44" s="2" t="s">
        <v>185</v>
      </c>
      <c r="D44" s="2" t="s">
        <v>186</v>
      </c>
      <c r="E44" s="2" t="s">
        <v>187</v>
      </c>
      <c r="F44" s="2" t="s">
        <v>188</v>
      </c>
      <c r="G44" s="3">
        <v>26</v>
      </c>
      <c r="H44" s="2" t="s">
        <v>27</v>
      </c>
      <c r="I44" s="3">
        <v>2010</v>
      </c>
      <c r="J44" s="2" t="s">
        <v>19</v>
      </c>
      <c r="K44" s="2" t="s">
        <v>189</v>
      </c>
      <c r="L44" s="2" t="s">
        <v>190</v>
      </c>
    </row>
    <row r="45" spans="1:12" ht="15.2" customHeight="1">
      <c r="A45" s="2" t="s">
        <v>148</v>
      </c>
      <c r="B45" s="2" t="s">
        <v>191</v>
      </c>
      <c r="C45" s="2" t="s">
        <v>112</v>
      </c>
      <c r="D45" s="2" t="s">
        <v>113</v>
      </c>
      <c r="E45" s="2" t="s">
        <v>114</v>
      </c>
      <c r="F45" s="2" t="s">
        <v>115</v>
      </c>
      <c r="G45" s="3">
        <v>3</v>
      </c>
      <c r="H45" s="2" t="s">
        <v>18</v>
      </c>
      <c r="I45" s="3">
        <v>2019</v>
      </c>
      <c r="J45" s="2" t="s">
        <v>19</v>
      </c>
      <c r="K45" s="2" t="s">
        <v>116</v>
      </c>
      <c r="L45" s="2" t="s">
        <v>117</v>
      </c>
    </row>
    <row r="46" spans="1:12" ht="15.2" customHeight="1">
      <c r="A46" s="2" t="s">
        <v>148</v>
      </c>
      <c r="B46" s="2" t="s">
        <v>192</v>
      </c>
      <c r="C46" s="2" t="s">
        <v>119</v>
      </c>
      <c r="D46" s="2" t="s">
        <v>120</v>
      </c>
      <c r="E46" s="2" t="s">
        <v>114</v>
      </c>
      <c r="F46" s="2" t="s">
        <v>121</v>
      </c>
      <c r="G46" s="3">
        <v>4</v>
      </c>
      <c r="H46" s="2" t="s">
        <v>27</v>
      </c>
      <c r="I46" s="3">
        <v>2019</v>
      </c>
      <c r="J46" s="2" t="s">
        <v>19</v>
      </c>
      <c r="K46" s="2" t="s">
        <v>116</v>
      </c>
      <c r="L46" s="2" t="s">
        <v>122</v>
      </c>
    </row>
    <row r="47" spans="1:12" ht="15.2" customHeight="1">
      <c r="A47" s="2" t="s">
        <v>148</v>
      </c>
      <c r="B47" s="2" t="s">
        <v>125</v>
      </c>
      <c r="C47" s="2" t="s">
        <v>180</v>
      </c>
      <c r="D47" s="2" t="s">
        <v>181</v>
      </c>
      <c r="E47" s="2" t="s">
        <v>25</v>
      </c>
      <c r="F47" s="2" t="s">
        <v>182</v>
      </c>
      <c r="G47" s="3">
        <v>19</v>
      </c>
      <c r="H47" s="2" t="s">
        <v>27</v>
      </c>
      <c r="I47" s="3">
        <v>2010</v>
      </c>
      <c r="J47" s="2" t="s">
        <v>19</v>
      </c>
      <c r="K47" s="2" t="s">
        <v>28</v>
      </c>
      <c r="L47" s="2" t="s">
        <v>183</v>
      </c>
    </row>
    <row r="48" spans="1:12" ht="15.2" customHeight="1">
      <c r="A48" s="2" t="s">
        <v>148</v>
      </c>
      <c r="B48" s="2" t="s">
        <v>193</v>
      </c>
      <c r="C48" s="2" t="s">
        <v>185</v>
      </c>
      <c r="D48" s="2" t="s">
        <v>186</v>
      </c>
      <c r="E48" s="2" t="s">
        <v>187</v>
      </c>
      <c r="F48" s="2" t="s">
        <v>188</v>
      </c>
      <c r="G48" s="3">
        <v>26</v>
      </c>
      <c r="H48" s="2" t="s">
        <v>27</v>
      </c>
      <c r="I48" s="3">
        <v>2010</v>
      </c>
      <c r="J48" s="2" t="s">
        <v>19</v>
      </c>
      <c r="K48" s="2" t="s">
        <v>189</v>
      </c>
      <c r="L48" s="2" t="s">
        <v>190</v>
      </c>
    </row>
    <row r="49" spans="1:12" ht="15.2" customHeight="1">
      <c r="A49" s="2" t="s">
        <v>148</v>
      </c>
      <c r="B49" s="2" t="s">
        <v>127</v>
      </c>
      <c r="C49" s="2"/>
      <c r="D49" s="2" t="s">
        <v>31</v>
      </c>
      <c r="E49" s="2" t="s">
        <v>31</v>
      </c>
      <c r="F49" s="2" t="s">
        <v>31</v>
      </c>
      <c r="G49" s="3">
        <v>1</v>
      </c>
      <c r="H49" s="2" t="s">
        <v>18</v>
      </c>
      <c r="I49" s="3">
        <v>2020</v>
      </c>
      <c r="J49" s="2" t="s">
        <v>19</v>
      </c>
      <c r="K49" s="2" t="s">
        <v>32</v>
      </c>
      <c r="L49" s="2"/>
    </row>
    <row r="50" spans="1:12" ht="15.2" customHeight="1">
      <c r="A50" s="2" t="s">
        <v>148</v>
      </c>
      <c r="B50" s="2" t="s">
        <v>194</v>
      </c>
      <c r="C50" s="2" t="s">
        <v>34</v>
      </c>
      <c r="D50" s="2" t="s">
        <v>35</v>
      </c>
      <c r="E50" s="2" t="s">
        <v>36</v>
      </c>
      <c r="F50" s="2" t="s">
        <v>35</v>
      </c>
      <c r="G50" s="3">
        <v>1</v>
      </c>
      <c r="H50" s="2" t="s">
        <v>18</v>
      </c>
      <c r="I50" s="3">
        <v>2018</v>
      </c>
      <c r="J50" s="2" t="s">
        <v>19</v>
      </c>
      <c r="K50" s="2" t="s">
        <v>37</v>
      </c>
      <c r="L50" s="2" t="s">
        <v>38</v>
      </c>
    </row>
    <row r="51" spans="1:12" ht="15.2" customHeight="1">
      <c r="A51" s="2" t="s">
        <v>148</v>
      </c>
      <c r="B51" s="2" t="s">
        <v>195</v>
      </c>
      <c r="C51" s="2" t="s">
        <v>75</v>
      </c>
      <c r="D51" s="2" t="s">
        <v>76</v>
      </c>
      <c r="E51" s="2" t="s">
        <v>77</v>
      </c>
      <c r="F51" s="2" t="s">
        <v>78</v>
      </c>
      <c r="G51" s="3">
        <v>1</v>
      </c>
      <c r="H51" s="2" t="s">
        <v>79</v>
      </c>
      <c r="I51" s="3">
        <v>2018</v>
      </c>
      <c r="J51" s="2" t="s">
        <v>80</v>
      </c>
      <c r="K51" s="2" t="s">
        <v>81</v>
      </c>
      <c r="L51" s="2" t="s">
        <v>82</v>
      </c>
    </row>
    <row r="52" spans="1:12" ht="15.2" customHeight="1">
      <c r="A52" s="2" t="s">
        <v>148</v>
      </c>
      <c r="B52" s="2" t="s">
        <v>147</v>
      </c>
      <c r="C52" s="2" t="s">
        <v>84</v>
      </c>
      <c r="D52" s="2" t="s">
        <v>85</v>
      </c>
      <c r="E52" s="2" t="s">
        <v>86</v>
      </c>
      <c r="F52" s="2" t="s">
        <v>87</v>
      </c>
      <c r="G52" s="3">
        <v>5</v>
      </c>
      <c r="H52" s="2" t="s">
        <v>88</v>
      </c>
      <c r="I52" s="3">
        <v>2014</v>
      </c>
      <c r="J52" s="2" t="s">
        <v>89</v>
      </c>
      <c r="K52" s="2" t="s">
        <v>90</v>
      </c>
      <c r="L52" s="2" t="s">
        <v>91</v>
      </c>
    </row>
    <row r="53" spans="1:12" ht="15.2" customHeight="1">
      <c r="A53" s="2" t="s">
        <v>148</v>
      </c>
      <c r="B53" s="2" t="s">
        <v>196</v>
      </c>
      <c r="C53" s="2" t="s">
        <v>93</v>
      </c>
      <c r="D53" s="2" t="s">
        <v>94</v>
      </c>
      <c r="E53" s="2" t="s">
        <v>86</v>
      </c>
      <c r="F53" s="2" t="s">
        <v>95</v>
      </c>
      <c r="G53" s="3">
        <v>6</v>
      </c>
      <c r="H53" s="2" t="s">
        <v>88</v>
      </c>
      <c r="I53" s="3">
        <v>2014</v>
      </c>
      <c r="J53" s="2" t="s">
        <v>89</v>
      </c>
      <c r="K53" s="2" t="s">
        <v>90</v>
      </c>
      <c r="L53" s="2" t="s">
        <v>96</v>
      </c>
    </row>
    <row r="54" spans="1:12" ht="15.2" customHeight="1">
      <c r="A54" s="2" t="s">
        <v>197</v>
      </c>
      <c r="B54" s="2" t="s">
        <v>14</v>
      </c>
      <c r="C54" s="2" t="s">
        <v>198</v>
      </c>
      <c r="D54" s="2" t="s">
        <v>199</v>
      </c>
      <c r="E54" s="2" t="s">
        <v>200</v>
      </c>
      <c r="F54" s="2" t="s">
        <v>201</v>
      </c>
      <c r="G54" s="3">
        <v>2</v>
      </c>
      <c r="H54" s="2" t="s">
        <v>18</v>
      </c>
      <c r="I54" s="3">
        <v>2017</v>
      </c>
      <c r="J54" s="2" t="s">
        <v>19</v>
      </c>
      <c r="K54" s="2" t="s">
        <v>202</v>
      </c>
      <c r="L54" s="2" t="s">
        <v>203</v>
      </c>
    </row>
    <row r="55" spans="1:12" ht="15.2" customHeight="1">
      <c r="A55" s="2" t="s">
        <v>197</v>
      </c>
      <c r="B55" s="2" t="s">
        <v>22</v>
      </c>
      <c r="C55" s="2" t="s">
        <v>204</v>
      </c>
      <c r="D55" s="2" t="s">
        <v>205</v>
      </c>
      <c r="E55" s="2" t="s">
        <v>206</v>
      </c>
      <c r="F55" s="2" t="s">
        <v>207</v>
      </c>
      <c r="G55" s="3">
        <v>1</v>
      </c>
      <c r="H55" s="2" t="s">
        <v>18</v>
      </c>
      <c r="I55" s="3">
        <v>2019</v>
      </c>
      <c r="J55" s="2" t="s">
        <v>19</v>
      </c>
      <c r="K55" s="2" t="s">
        <v>208</v>
      </c>
      <c r="L55" s="2" t="s">
        <v>209</v>
      </c>
    </row>
    <row r="56" spans="1:12" ht="15.2" customHeight="1">
      <c r="A56" s="2" t="s">
        <v>197</v>
      </c>
      <c r="B56" s="2" t="s">
        <v>30</v>
      </c>
      <c r="C56" s="2" t="s">
        <v>210</v>
      </c>
      <c r="D56" s="2" t="s">
        <v>211</v>
      </c>
      <c r="E56" s="2" t="s">
        <v>212</v>
      </c>
      <c r="F56" s="2" t="s">
        <v>213</v>
      </c>
      <c r="G56" s="3">
        <v>16</v>
      </c>
      <c r="H56" s="2" t="s">
        <v>214</v>
      </c>
      <c r="I56" s="3">
        <v>2017</v>
      </c>
      <c r="J56" s="2" t="s">
        <v>19</v>
      </c>
      <c r="K56" s="2" t="s">
        <v>215</v>
      </c>
      <c r="L56" s="2" t="s">
        <v>216</v>
      </c>
    </row>
    <row r="57" spans="1:12" ht="15.2" customHeight="1">
      <c r="A57" s="2" t="s">
        <v>197</v>
      </c>
      <c r="B57" s="2" t="s">
        <v>217</v>
      </c>
      <c r="C57" s="2" t="s">
        <v>218</v>
      </c>
      <c r="D57" s="2" t="s">
        <v>219</v>
      </c>
      <c r="E57" s="2" t="s">
        <v>61</v>
      </c>
      <c r="F57" s="2" t="s">
        <v>220</v>
      </c>
      <c r="G57" s="3">
        <v>24</v>
      </c>
      <c r="H57" s="2" t="s">
        <v>221</v>
      </c>
      <c r="I57" s="3">
        <v>2015</v>
      </c>
      <c r="J57" s="2" t="s">
        <v>19</v>
      </c>
      <c r="K57" s="2" t="s">
        <v>222</v>
      </c>
      <c r="L57" s="2" t="s">
        <v>223</v>
      </c>
    </row>
    <row r="58" spans="1:12" ht="15.2" customHeight="1">
      <c r="A58" s="2" t="s">
        <v>197</v>
      </c>
      <c r="B58" s="2" t="s">
        <v>39</v>
      </c>
      <c r="C58" s="2" t="s">
        <v>224</v>
      </c>
      <c r="D58" s="2" t="s">
        <v>225</v>
      </c>
      <c r="E58" s="2" t="s">
        <v>143</v>
      </c>
      <c r="F58" s="2" t="s">
        <v>226</v>
      </c>
      <c r="G58" s="3">
        <v>5</v>
      </c>
      <c r="H58" s="2" t="s">
        <v>18</v>
      </c>
      <c r="I58" s="3">
        <v>2019</v>
      </c>
      <c r="J58" s="2" t="s">
        <v>19</v>
      </c>
      <c r="K58" s="2" t="s">
        <v>145</v>
      </c>
      <c r="L58" s="2" t="s">
        <v>227</v>
      </c>
    </row>
    <row r="59" spans="1:12" ht="15.2" customHeight="1">
      <c r="A59" s="2" t="s">
        <v>197</v>
      </c>
      <c r="B59" s="2" t="s">
        <v>46</v>
      </c>
      <c r="C59" s="2" t="s">
        <v>228</v>
      </c>
      <c r="D59" s="2" t="s">
        <v>229</v>
      </c>
      <c r="E59" s="2" t="s">
        <v>143</v>
      </c>
      <c r="F59" s="2" t="s">
        <v>230</v>
      </c>
      <c r="G59" s="3">
        <v>2</v>
      </c>
      <c r="H59" s="2" t="s">
        <v>18</v>
      </c>
      <c r="I59" s="3">
        <v>2019</v>
      </c>
      <c r="J59" s="2" t="s">
        <v>19</v>
      </c>
      <c r="K59" s="2" t="s">
        <v>145</v>
      </c>
      <c r="L59" s="2" t="s">
        <v>231</v>
      </c>
    </row>
    <row r="60" spans="1:12" ht="15.2" customHeight="1">
      <c r="A60" s="2" t="s">
        <v>197</v>
      </c>
      <c r="B60" s="2" t="s">
        <v>159</v>
      </c>
      <c r="C60" s="2" t="s">
        <v>232</v>
      </c>
      <c r="D60" s="2" t="s">
        <v>233</v>
      </c>
      <c r="E60" s="2" t="s">
        <v>234</v>
      </c>
      <c r="F60" s="2" t="s">
        <v>235</v>
      </c>
      <c r="G60" s="3">
        <v>1</v>
      </c>
      <c r="H60" s="2" t="s">
        <v>27</v>
      </c>
      <c r="I60" s="3">
        <v>2018</v>
      </c>
      <c r="J60" s="2" t="s">
        <v>19</v>
      </c>
      <c r="K60" s="2" t="s">
        <v>236</v>
      </c>
      <c r="L60" s="2" t="s">
        <v>237</v>
      </c>
    </row>
    <row r="61" spans="1:12" ht="15.2" customHeight="1">
      <c r="A61" s="2" t="s">
        <v>197</v>
      </c>
      <c r="B61" s="2" t="s">
        <v>58</v>
      </c>
      <c r="C61" s="2" t="s">
        <v>238</v>
      </c>
      <c r="D61" s="2" t="s">
        <v>239</v>
      </c>
      <c r="E61" s="2" t="s">
        <v>234</v>
      </c>
      <c r="F61" s="2" t="s">
        <v>240</v>
      </c>
      <c r="G61" s="3">
        <v>2</v>
      </c>
      <c r="H61" s="2" t="s">
        <v>18</v>
      </c>
      <c r="I61" s="3">
        <v>2018</v>
      </c>
      <c r="J61" s="2" t="s">
        <v>19</v>
      </c>
      <c r="K61" s="2" t="s">
        <v>236</v>
      </c>
      <c r="L61" s="2" t="s">
        <v>241</v>
      </c>
    </row>
    <row r="62" spans="1:12" ht="15.2" customHeight="1">
      <c r="A62" s="2" t="s">
        <v>197</v>
      </c>
      <c r="B62" s="2" t="s">
        <v>242</v>
      </c>
      <c r="C62" s="2" t="s">
        <v>243</v>
      </c>
      <c r="D62" s="2" t="s">
        <v>244</v>
      </c>
      <c r="E62" s="2" t="s">
        <v>245</v>
      </c>
      <c r="F62" s="2" t="s">
        <v>246</v>
      </c>
      <c r="G62" s="3">
        <v>1</v>
      </c>
      <c r="H62" s="2" t="s">
        <v>27</v>
      </c>
      <c r="I62" s="3">
        <v>2019</v>
      </c>
      <c r="J62" s="2" t="s">
        <v>19</v>
      </c>
      <c r="K62" s="2" t="s">
        <v>247</v>
      </c>
      <c r="L62" s="2" t="s">
        <v>248</v>
      </c>
    </row>
    <row r="63" spans="1:12" ht="15.2" customHeight="1">
      <c r="A63" s="2" t="s">
        <v>197</v>
      </c>
      <c r="B63" s="2" t="s">
        <v>166</v>
      </c>
      <c r="C63" s="2" t="s">
        <v>249</v>
      </c>
      <c r="D63" s="2" t="s">
        <v>250</v>
      </c>
      <c r="E63" s="2" t="s">
        <v>245</v>
      </c>
      <c r="F63" s="2" t="s">
        <v>251</v>
      </c>
      <c r="G63" s="3">
        <v>2</v>
      </c>
      <c r="H63" s="2" t="s">
        <v>18</v>
      </c>
      <c r="I63" s="3">
        <v>2019</v>
      </c>
      <c r="J63" s="2" t="s">
        <v>19</v>
      </c>
      <c r="K63" s="2" t="s">
        <v>247</v>
      </c>
      <c r="L63" s="2" t="s">
        <v>252</v>
      </c>
    </row>
    <row r="64" spans="1:12" ht="15.2" customHeight="1">
      <c r="A64" s="2" t="s">
        <v>197</v>
      </c>
      <c r="B64" s="2" t="s">
        <v>253</v>
      </c>
      <c r="C64" s="2" t="s">
        <v>254</v>
      </c>
      <c r="D64" s="2" t="s">
        <v>255</v>
      </c>
      <c r="E64" s="2" t="s">
        <v>107</v>
      </c>
      <c r="F64" s="2" t="s">
        <v>256</v>
      </c>
      <c r="G64" s="3">
        <v>2</v>
      </c>
      <c r="H64" s="2" t="s">
        <v>18</v>
      </c>
      <c r="I64" s="3">
        <v>2019</v>
      </c>
      <c r="J64" s="2" t="s">
        <v>19</v>
      </c>
      <c r="K64" s="2" t="s">
        <v>109</v>
      </c>
      <c r="L64" s="2" t="s">
        <v>257</v>
      </c>
    </row>
    <row r="65" spans="1:12" ht="15.2" customHeight="1">
      <c r="A65" s="2" t="s">
        <v>197</v>
      </c>
      <c r="B65" s="2" t="s">
        <v>97</v>
      </c>
      <c r="C65" s="2" t="s">
        <v>160</v>
      </c>
      <c r="D65" s="2" t="s">
        <v>161</v>
      </c>
      <c r="E65" s="2" t="s">
        <v>107</v>
      </c>
      <c r="F65" s="2" t="s">
        <v>162</v>
      </c>
      <c r="G65" s="3">
        <v>4</v>
      </c>
      <c r="H65" s="2" t="s">
        <v>18</v>
      </c>
      <c r="I65" s="3">
        <v>2019</v>
      </c>
      <c r="J65" s="2" t="s">
        <v>19</v>
      </c>
      <c r="K65" s="2" t="s">
        <v>109</v>
      </c>
      <c r="L65" s="2" t="s">
        <v>163</v>
      </c>
    </row>
    <row r="66" spans="1:12" ht="15.2" customHeight="1">
      <c r="A66" s="2" t="s">
        <v>197</v>
      </c>
      <c r="B66" s="2" t="s">
        <v>175</v>
      </c>
      <c r="C66" s="2" t="s">
        <v>258</v>
      </c>
      <c r="D66" s="2" t="s">
        <v>259</v>
      </c>
      <c r="E66" s="2" t="s">
        <v>169</v>
      </c>
      <c r="F66" s="2" t="s">
        <v>260</v>
      </c>
      <c r="G66" s="3">
        <v>2</v>
      </c>
      <c r="H66" s="2" t="s">
        <v>27</v>
      </c>
      <c r="I66" s="3">
        <v>2018</v>
      </c>
      <c r="J66" s="2" t="s">
        <v>19</v>
      </c>
      <c r="K66" s="2" t="s">
        <v>171</v>
      </c>
      <c r="L66" s="2" t="s">
        <v>261</v>
      </c>
    </row>
    <row r="67" spans="1:12" ht="15.2" customHeight="1">
      <c r="A67" s="2" t="s">
        <v>197</v>
      </c>
      <c r="B67" s="2" t="s">
        <v>262</v>
      </c>
      <c r="C67" s="2" t="s">
        <v>167</v>
      </c>
      <c r="D67" s="2" t="s">
        <v>168</v>
      </c>
      <c r="E67" s="2" t="s">
        <v>169</v>
      </c>
      <c r="F67" s="2" t="s">
        <v>170</v>
      </c>
      <c r="G67" s="3">
        <v>3</v>
      </c>
      <c r="H67" s="2" t="s">
        <v>27</v>
      </c>
      <c r="I67" s="3">
        <v>2018</v>
      </c>
      <c r="J67" s="2" t="s">
        <v>19</v>
      </c>
      <c r="K67" s="2" t="s">
        <v>171</v>
      </c>
      <c r="L67" s="2" t="s">
        <v>172</v>
      </c>
    </row>
    <row r="68" spans="1:12" ht="15.2" customHeight="1">
      <c r="A68" s="2" t="s">
        <v>197</v>
      </c>
      <c r="B68" s="2" t="s">
        <v>111</v>
      </c>
      <c r="C68" s="2" t="s">
        <v>263</v>
      </c>
      <c r="D68" s="2" t="s">
        <v>264</v>
      </c>
      <c r="E68" s="2" t="s">
        <v>16</v>
      </c>
      <c r="F68" s="2" t="s">
        <v>265</v>
      </c>
      <c r="G68" s="3">
        <v>3</v>
      </c>
      <c r="H68" s="2" t="s">
        <v>18</v>
      </c>
      <c r="I68" s="3">
        <v>2019</v>
      </c>
      <c r="J68" s="2" t="s">
        <v>19</v>
      </c>
      <c r="K68" s="2" t="s">
        <v>20</v>
      </c>
      <c r="L68" s="2" t="s">
        <v>266</v>
      </c>
    </row>
    <row r="69" spans="1:12" ht="15.2" customHeight="1">
      <c r="A69" s="2" t="s">
        <v>197</v>
      </c>
      <c r="B69" s="2" t="s">
        <v>118</v>
      </c>
      <c r="C69" s="2" t="s">
        <v>267</v>
      </c>
      <c r="D69" s="2" t="s">
        <v>268</v>
      </c>
      <c r="E69" s="2" t="s">
        <v>16</v>
      </c>
      <c r="F69" s="2" t="s">
        <v>269</v>
      </c>
      <c r="G69" s="3">
        <v>1</v>
      </c>
      <c r="H69" s="2" t="s">
        <v>18</v>
      </c>
      <c r="I69" s="3">
        <v>2018</v>
      </c>
      <c r="J69" s="2" t="s">
        <v>19</v>
      </c>
      <c r="K69" s="2" t="s">
        <v>102</v>
      </c>
      <c r="L69" s="2" t="s">
        <v>270</v>
      </c>
    </row>
    <row r="70" spans="1:12" ht="15.2" customHeight="1">
      <c r="A70" s="2" t="s">
        <v>197</v>
      </c>
      <c r="B70" s="2" t="s">
        <v>123</v>
      </c>
      <c r="C70" s="2" t="s">
        <v>180</v>
      </c>
      <c r="D70" s="2" t="s">
        <v>181</v>
      </c>
      <c r="E70" s="2" t="s">
        <v>25</v>
      </c>
      <c r="F70" s="2" t="s">
        <v>182</v>
      </c>
      <c r="G70" s="3">
        <v>19</v>
      </c>
      <c r="H70" s="2" t="s">
        <v>27</v>
      </c>
      <c r="I70" s="3">
        <v>2010</v>
      </c>
      <c r="J70" s="2" t="s">
        <v>19</v>
      </c>
      <c r="K70" s="2" t="s">
        <v>28</v>
      </c>
      <c r="L70" s="2" t="s">
        <v>183</v>
      </c>
    </row>
    <row r="71" spans="1:12" ht="15.2" customHeight="1">
      <c r="A71" s="2" t="s">
        <v>197</v>
      </c>
      <c r="B71" s="2" t="s">
        <v>192</v>
      </c>
      <c r="C71" s="2" t="s">
        <v>185</v>
      </c>
      <c r="D71" s="2" t="s">
        <v>186</v>
      </c>
      <c r="E71" s="2" t="s">
        <v>187</v>
      </c>
      <c r="F71" s="2" t="s">
        <v>188</v>
      </c>
      <c r="G71" s="3">
        <v>26</v>
      </c>
      <c r="H71" s="2" t="s">
        <v>27</v>
      </c>
      <c r="I71" s="3">
        <v>2010</v>
      </c>
      <c r="J71" s="2" t="s">
        <v>19</v>
      </c>
      <c r="K71" s="2" t="s">
        <v>189</v>
      </c>
      <c r="L71" s="2" t="s">
        <v>190</v>
      </c>
    </row>
    <row r="72" spans="1:12" ht="15.2" customHeight="1">
      <c r="A72" s="2" t="s">
        <v>197</v>
      </c>
      <c r="B72" s="2" t="s">
        <v>125</v>
      </c>
      <c r="C72" s="2" t="s">
        <v>263</v>
      </c>
      <c r="D72" s="2" t="s">
        <v>264</v>
      </c>
      <c r="E72" s="2" t="s">
        <v>16</v>
      </c>
      <c r="F72" s="2" t="s">
        <v>265</v>
      </c>
      <c r="G72" s="3">
        <v>3</v>
      </c>
      <c r="H72" s="2" t="s">
        <v>18</v>
      </c>
      <c r="I72" s="3">
        <v>2019</v>
      </c>
      <c r="J72" s="2" t="s">
        <v>19</v>
      </c>
      <c r="K72" s="2" t="s">
        <v>20</v>
      </c>
      <c r="L72" s="2" t="s">
        <v>266</v>
      </c>
    </row>
    <row r="73" spans="1:12" ht="15.2" customHeight="1">
      <c r="A73" s="2" t="s">
        <v>197</v>
      </c>
      <c r="B73" s="2" t="s">
        <v>193</v>
      </c>
      <c r="C73" s="2" t="s">
        <v>267</v>
      </c>
      <c r="D73" s="2" t="s">
        <v>268</v>
      </c>
      <c r="E73" s="2" t="s">
        <v>16</v>
      </c>
      <c r="F73" s="2" t="s">
        <v>269</v>
      </c>
      <c r="G73" s="3">
        <v>1</v>
      </c>
      <c r="H73" s="2" t="s">
        <v>18</v>
      </c>
      <c r="I73" s="3">
        <v>2018</v>
      </c>
      <c r="J73" s="2" t="s">
        <v>19</v>
      </c>
      <c r="K73" s="2" t="s">
        <v>102</v>
      </c>
      <c r="L73" s="2" t="s">
        <v>270</v>
      </c>
    </row>
    <row r="74" spans="1:12" ht="15.2" customHeight="1">
      <c r="A74" s="2" t="s">
        <v>197</v>
      </c>
      <c r="B74" s="2" t="s">
        <v>271</v>
      </c>
      <c r="C74" s="2" t="s">
        <v>167</v>
      </c>
      <c r="D74" s="2" t="s">
        <v>168</v>
      </c>
      <c r="E74" s="2" t="s">
        <v>169</v>
      </c>
      <c r="F74" s="2" t="s">
        <v>170</v>
      </c>
      <c r="G74" s="3">
        <v>3</v>
      </c>
      <c r="H74" s="2" t="s">
        <v>27</v>
      </c>
      <c r="I74" s="3">
        <v>2018</v>
      </c>
      <c r="J74" s="2" t="s">
        <v>19</v>
      </c>
      <c r="K74" s="2" t="s">
        <v>171</v>
      </c>
      <c r="L74" s="2" t="s">
        <v>172</v>
      </c>
    </row>
    <row r="75" spans="1:12" ht="15.2" customHeight="1">
      <c r="A75" s="2" t="s">
        <v>197</v>
      </c>
      <c r="B75" s="2" t="s">
        <v>133</v>
      </c>
      <c r="C75" s="2" t="s">
        <v>258</v>
      </c>
      <c r="D75" s="2" t="s">
        <v>259</v>
      </c>
      <c r="E75" s="2" t="s">
        <v>169</v>
      </c>
      <c r="F75" s="2" t="s">
        <v>260</v>
      </c>
      <c r="G75" s="3">
        <v>2</v>
      </c>
      <c r="H75" s="2" t="s">
        <v>27</v>
      </c>
      <c r="I75" s="3">
        <v>2018</v>
      </c>
      <c r="J75" s="2" t="s">
        <v>19</v>
      </c>
      <c r="K75" s="2" t="s">
        <v>171</v>
      </c>
      <c r="L75" s="2" t="s">
        <v>261</v>
      </c>
    </row>
    <row r="76" spans="1:12" ht="15.2" customHeight="1">
      <c r="A76" s="2" t="s">
        <v>197</v>
      </c>
      <c r="B76" s="2" t="s">
        <v>272</v>
      </c>
      <c r="C76" s="2" t="s">
        <v>224</v>
      </c>
      <c r="D76" s="2" t="s">
        <v>225</v>
      </c>
      <c r="E76" s="2" t="s">
        <v>143</v>
      </c>
      <c r="F76" s="2" t="s">
        <v>226</v>
      </c>
      <c r="G76" s="3">
        <v>5</v>
      </c>
      <c r="H76" s="2" t="s">
        <v>18</v>
      </c>
      <c r="I76" s="3">
        <v>2019</v>
      </c>
      <c r="J76" s="2" t="s">
        <v>19</v>
      </c>
      <c r="K76" s="2" t="s">
        <v>145</v>
      </c>
      <c r="L76" s="2" t="s">
        <v>227</v>
      </c>
    </row>
    <row r="77" spans="1:12" ht="15.2" customHeight="1">
      <c r="A77" s="2" t="s">
        <v>197</v>
      </c>
      <c r="B77" s="2" t="s">
        <v>273</v>
      </c>
      <c r="C77" s="2" t="s">
        <v>228</v>
      </c>
      <c r="D77" s="2" t="s">
        <v>229</v>
      </c>
      <c r="E77" s="2" t="s">
        <v>143</v>
      </c>
      <c r="F77" s="2" t="s">
        <v>230</v>
      </c>
      <c r="G77" s="3">
        <v>2</v>
      </c>
      <c r="H77" s="2" t="s">
        <v>18</v>
      </c>
      <c r="I77" s="3">
        <v>2019</v>
      </c>
      <c r="J77" s="2" t="s">
        <v>19</v>
      </c>
      <c r="K77" s="2" t="s">
        <v>145</v>
      </c>
      <c r="L77" s="2" t="s">
        <v>231</v>
      </c>
    </row>
    <row r="78" spans="1:12" ht="15.2" customHeight="1">
      <c r="A78" s="2" t="s">
        <v>274</v>
      </c>
      <c r="B78" s="2" t="s">
        <v>14</v>
      </c>
      <c r="C78" s="2" t="s">
        <v>275</v>
      </c>
      <c r="D78" s="2" t="s">
        <v>276</v>
      </c>
      <c r="E78" s="2" t="s">
        <v>277</v>
      </c>
      <c r="F78" s="2" t="s">
        <v>278</v>
      </c>
      <c r="G78" s="3">
        <v>5</v>
      </c>
      <c r="H78" s="2" t="s">
        <v>18</v>
      </c>
      <c r="I78" s="3">
        <v>2014</v>
      </c>
      <c r="J78" s="2" t="s">
        <v>89</v>
      </c>
      <c r="K78" s="2" t="s">
        <v>279</v>
      </c>
      <c r="L78" s="2" t="s">
        <v>280</v>
      </c>
    </row>
    <row r="79" spans="1:12" ht="15.2" customHeight="1">
      <c r="A79" s="2" t="s">
        <v>274</v>
      </c>
      <c r="B79" s="2" t="s">
        <v>22</v>
      </c>
      <c r="C79" s="2" t="s">
        <v>281</v>
      </c>
      <c r="D79" s="2" t="s">
        <v>282</v>
      </c>
      <c r="E79" s="2" t="s">
        <v>206</v>
      </c>
      <c r="F79" s="2" t="s">
        <v>283</v>
      </c>
      <c r="G79" s="3">
        <v>2</v>
      </c>
      <c r="H79" s="2" t="s">
        <v>18</v>
      </c>
      <c r="I79" s="3">
        <v>2019</v>
      </c>
      <c r="J79" s="2" t="s">
        <v>19</v>
      </c>
      <c r="K79" s="2" t="s">
        <v>208</v>
      </c>
      <c r="L79" s="2" t="s">
        <v>284</v>
      </c>
    </row>
    <row r="80" spans="1:12" ht="15.2" customHeight="1">
      <c r="A80" s="2" t="s">
        <v>274</v>
      </c>
      <c r="B80" s="2" t="s">
        <v>30</v>
      </c>
      <c r="C80" s="2" t="s">
        <v>285</v>
      </c>
      <c r="D80" s="2" t="s">
        <v>286</v>
      </c>
      <c r="E80" s="2" t="s">
        <v>212</v>
      </c>
      <c r="F80" s="2" t="s">
        <v>287</v>
      </c>
      <c r="G80" s="3">
        <v>17</v>
      </c>
      <c r="H80" s="2" t="s">
        <v>288</v>
      </c>
      <c r="I80" s="3">
        <v>2017</v>
      </c>
      <c r="J80" s="2" t="s">
        <v>19</v>
      </c>
      <c r="K80" s="2" t="s">
        <v>215</v>
      </c>
      <c r="L80" s="2" t="s">
        <v>289</v>
      </c>
    </row>
    <row r="81" spans="1:12" ht="15.2" customHeight="1">
      <c r="A81" s="2" t="s">
        <v>274</v>
      </c>
      <c r="B81" s="2" t="s">
        <v>217</v>
      </c>
      <c r="C81" s="2" t="s">
        <v>290</v>
      </c>
      <c r="D81" s="2" t="s">
        <v>291</v>
      </c>
      <c r="E81" s="2" t="s">
        <v>61</v>
      </c>
      <c r="F81" s="2" t="s">
        <v>292</v>
      </c>
      <c r="G81" s="3">
        <v>25</v>
      </c>
      <c r="H81" s="2" t="s">
        <v>221</v>
      </c>
      <c r="I81" s="3">
        <v>2015</v>
      </c>
      <c r="J81" s="2" t="s">
        <v>19</v>
      </c>
      <c r="K81" s="2" t="s">
        <v>222</v>
      </c>
      <c r="L81" s="2" t="s">
        <v>293</v>
      </c>
    </row>
    <row r="82" spans="1:12" ht="15.2" customHeight="1">
      <c r="A82" s="2" t="s">
        <v>274</v>
      </c>
      <c r="B82" s="2" t="s">
        <v>39</v>
      </c>
      <c r="C82" s="2"/>
      <c r="D82" s="2" t="s">
        <v>294</v>
      </c>
      <c r="E82" s="2" t="s">
        <v>143</v>
      </c>
      <c r="F82" s="2" t="s">
        <v>295</v>
      </c>
      <c r="G82" s="3">
        <v>6</v>
      </c>
      <c r="H82" s="2" t="s">
        <v>18</v>
      </c>
      <c r="I82" s="3">
        <v>2019</v>
      </c>
      <c r="J82" s="2" t="s">
        <v>19</v>
      </c>
      <c r="K82" s="2" t="s">
        <v>145</v>
      </c>
      <c r="L82" s="2" t="s">
        <v>296</v>
      </c>
    </row>
    <row r="83" spans="1:12" ht="15.2" customHeight="1">
      <c r="A83" s="2" t="s">
        <v>274</v>
      </c>
      <c r="B83" s="2" t="s">
        <v>46</v>
      </c>
      <c r="C83" s="2" t="s">
        <v>297</v>
      </c>
      <c r="D83" s="2" t="s">
        <v>298</v>
      </c>
      <c r="E83" s="2" t="s">
        <v>299</v>
      </c>
      <c r="F83" s="2" t="s">
        <v>298</v>
      </c>
      <c r="G83" s="3">
        <v>7</v>
      </c>
      <c r="H83" s="2" t="s">
        <v>18</v>
      </c>
      <c r="I83" s="3">
        <v>2017</v>
      </c>
      <c r="J83" s="2" t="s">
        <v>19</v>
      </c>
      <c r="K83" s="2" t="s">
        <v>300</v>
      </c>
      <c r="L83" s="2" t="s">
        <v>301</v>
      </c>
    </row>
    <row r="84" spans="1:12" ht="15.2" customHeight="1">
      <c r="A84" s="2" t="s">
        <v>274</v>
      </c>
      <c r="B84" s="2" t="s">
        <v>159</v>
      </c>
      <c r="C84" s="2" t="s">
        <v>302</v>
      </c>
      <c r="D84" s="2" t="s">
        <v>303</v>
      </c>
      <c r="E84" s="2" t="s">
        <v>304</v>
      </c>
      <c r="F84" s="2" t="s">
        <v>305</v>
      </c>
      <c r="G84" s="3">
        <v>1</v>
      </c>
      <c r="H84" s="2" t="s">
        <v>18</v>
      </c>
      <c r="I84" s="3">
        <v>2019</v>
      </c>
      <c r="J84" s="2" t="s">
        <v>19</v>
      </c>
      <c r="K84" s="2" t="s">
        <v>306</v>
      </c>
      <c r="L84" s="2" t="s">
        <v>307</v>
      </c>
    </row>
    <row r="85" spans="1:12" ht="15.2" customHeight="1">
      <c r="A85" s="2" t="s">
        <v>274</v>
      </c>
      <c r="B85" s="2" t="s">
        <v>308</v>
      </c>
      <c r="C85" s="2" t="s">
        <v>309</v>
      </c>
      <c r="D85" s="2" t="s">
        <v>310</v>
      </c>
      <c r="E85" s="2" t="s">
        <v>304</v>
      </c>
      <c r="F85" s="2" t="s">
        <v>311</v>
      </c>
      <c r="G85" s="3">
        <v>2</v>
      </c>
      <c r="H85" s="2" t="s">
        <v>18</v>
      </c>
      <c r="I85" s="3">
        <v>2019</v>
      </c>
      <c r="J85" s="2" t="s">
        <v>19</v>
      </c>
      <c r="K85" s="2" t="s">
        <v>306</v>
      </c>
      <c r="L85" s="2" t="s">
        <v>312</v>
      </c>
    </row>
    <row r="86" spans="1:12" ht="15.2" customHeight="1">
      <c r="A86" s="2" t="s">
        <v>274</v>
      </c>
      <c r="B86" s="2" t="s">
        <v>242</v>
      </c>
      <c r="C86" s="2" t="s">
        <v>313</v>
      </c>
      <c r="D86" s="2" t="s">
        <v>314</v>
      </c>
      <c r="E86" s="2" t="s">
        <v>315</v>
      </c>
      <c r="F86" s="2" t="s">
        <v>316</v>
      </c>
      <c r="G86" s="3">
        <v>1</v>
      </c>
      <c r="H86" s="2" t="s">
        <v>317</v>
      </c>
      <c r="I86" s="3">
        <v>2018</v>
      </c>
      <c r="J86" s="2" t="s">
        <v>19</v>
      </c>
      <c r="K86" s="2" t="s">
        <v>318</v>
      </c>
      <c r="L86" s="2" t="s">
        <v>319</v>
      </c>
    </row>
    <row r="87" spans="1:12" ht="15.2" customHeight="1">
      <c r="A87" s="2" t="s">
        <v>274</v>
      </c>
      <c r="B87" s="2" t="s">
        <v>320</v>
      </c>
      <c r="C87" s="2"/>
      <c r="D87" s="2" t="s">
        <v>321</v>
      </c>
      <c r="E87" s="2" t="s">
        <v>42</v>
      </c>
      <c r="F87" s="2" t="s">
        <v>322</v>
      </c>
      <c r="G87" s="3">
        <v>6</v>
      </c>
      <c r="H87" s="2" t="s">
        <v>18</v>
      </c>
      <c r="I87" s="3">
        <v>2018</v>
      </c>
      <c r="J87" s="2" t="s">
        <v>19</v>
      </c>
      <c r="K87" s="2" t="s">
        <v>44</v>
      </c>
      <c r="L87" s="2" t="s">
        <v>323</v>
      </c>
    </row>
    <row r="88" spans="1:12" ht="15.2" customHeight="1">
      <c r="A88" s="2" t="s">
        <v>274</v>
      </c>
      <c r="B88" s="2" t="s">
        <v>253</v>
      </c>
      <c r="C88" s="2" t="s">
        <v>324</v>
      </c>
      <c r="D88" s="2" t="s">
        <v>325</v>
      </c>
      <c r="E88" s="2" t="s">
        <v>326</v>
      </c>
      <c r="F88" s="2" t="s">
        <v>326</v>
      </c>
      <c r="G88" s="3">
        <v>1</v>
      </c>
      <c r="H88" s="2" t="s">
        <v>327</v>
      </c>
      <c r="I88" s="3">
        <v>2017</v>
      </c>
      <c r="J88" s="2" t="s">
        <v>328</v>
      </c>
      <c r="K88" s="2" t="s">
        <v>329</v>
      </c>
      <c r="L88" s="2" t="s">
        <v>330</v>
      </c>
    </row>
    <row r="89" spans="1:12" ht="15.2" customHeight="1">
      <c r="A89" s="2" t="s">
        <v>274</v>
      </c>
      <c r="B89" s="2" t="s">
        <v>97</v>
      </c>
      <c r="C89" s="2" t="s">
        <v>331</v>
      </c>
      <c r="D89" s="2" t="s">
        <v>332</v>
      </c>
      <c r="E89" s="2" t="s">
        <v>333</v>
      </c>
      <c r="F89" s="2" t="s">
        <v>334</v>
      </c>
      <c r="G89" s="3">
        <v>1</v>
      </c>
      <c r="H89" s="2" t="s">
        <v>27</v>
      </c>
      <c r="I89" s="3">
        <v>2019</v>
      </c>
      <c r="J89" s="2" t="s">
        <v>19</v>
      </c>
      <c r="K89" s="2" t="s">
        <v>335</v>
      </c>
      <c r="L89" s="2" t="s">
        <v>336</v>
      </c>
    </row>
    <row r="90" spans="1:12" ht="15.2" customHeight="1">
      <c r="A90" s="2" t="s">
        <v>274</v>
      </c>
      <c r="B90" s="2" t="s">
        <v>175</v>
      </c>
      <c r="C90" s="2" t="s">
        <v>337</v>
      </c>
      <c r="D90" s="2" t="s">
        <v>338</v>
      </c>
      <c r="E90" s="2" t="s">
        <v>339</v>
      </c>
      <c r="F90" s="2" t="s">
        <v>340</v>
      </c>
      <c r="G90" s="3">
        <v>2</v>
      </c>
      <c r="H90" s="2" t="s">
        <v>79</v>
      </c>
      <c r="I90" s="3">
        <v>2013</v>
      </c>
      <c r="J90" s="2" t="s">
        <v>341</v>
      </c>
      <c r="K90" s="2" t="s">
        <v>342</v>
      </c>
      <c r="L90" s="2" t="s">
        <v>343</v>
      </c>
    </row>
    <row r="91" spans="1:12" ht="15.2" customHeight="1">
      <c r="A91" s="2" t="s">
        <v>274</v>
      </c>
      <c r="B91" s="2" t="s">
        <v>262</v>
      </c>
      <c r="C91" s="2" t="s">
        <v>344</v>
      </c>
      <c r="D91" s="2" t="s">
        <v>345</v>
      </c>
      <c r="E91" s="2" t="s">
        <v>339</v>
      </c>
      <c r="F91" s="2" t="s">
        <v>346</v>
      </c>
      <c r="G91" s="3">
        <v>3</v>
      </c>
      <c r="H91" s="2" t="s">
        <v>347</v>
      </c>
      <c r="I91" s="3">
        <v>2013</v>
      </c>
      <c r="J91" s="2" t="s">
        <v>341</v>
      </c>
      <c r="K91" s="2" t="s">
        <v>342</v>
      </c>
      <c r="L91" s="2" t="s">
        <v>348</v>
      </c>
    </row>
    <row r="92" spans="1:12" s="8" customFormat="1" ht="15.2" customHeight="1">
      <c r="A92" s="7" t="s">
        <v>274</v>
      </c>
      <c r="B92" s="7" t="s">
        <v>111</v>
      </c>
      <c r="C92" s="7" t="s">
        <v>349</v>
      </c>
      <c r="D92" s="7" t="s">
        <v>350</v>
      </c>
      <c r="E92" s="7" t="s">
        <v>61</v>
      </c>
      <c r="F92" s="7" t="s">
        <v>351</v>
      </c>
      <c r="G92" s="7">
        <v>6</v>
      </c>
      <c r="H92" s="7" t="s">
        <v>352</v>
      </c>
      <c r="I92" s="7">
        <v>2016</v>
      </c>
      <c r="J92" s="7" t="s">
        <v>19</v>
      </c>
      <c r="K92" s="7" t="s">
        <v>64</v>
      </c>
      <c r="L92" s="7" t="s">
        <v>353</v>
      </c>
    </row>
    <row r="93" spans="1:12" ht="15.2" customHeight="1">
      <c r="A93" s="2" t="s">
        <v>274</v>
      </c>
      <c r="B93" s="2" t="s">
        <v>354</v>
      </c>
      <c r="C93" s="2" t="s">
        <v>75</v>
      </c>
      <c r="D93" s="2" t="s">
        <v>76</v>
      </c>
      <c r="E93" s="2" t="s">
        <v>77</v>
      </c>
      <c r="F93" s="2" t="s">
        <v>78</v>
      </c>
      <c r="G93" s="3">
        <v>1</v>
      </c>
      <c r="H93" s="2" t="s">
        <v>79</v>
      </c>
      <c r="I93" s="3">
        <v>2018</v>
      </c>
      <c r="J93" s="2" t="s">
        <v>80</v>
      </c>
      <c r="K93" s="2" t="s">
        <v>81</v>
      </c>
      <c r="L93" s="2" t="s">
        <v>82</v>
      </c>
    </row>
    <row r="94" spans="1:12" ht="15.2" customHeight="1">
      <c r="A94" s="2" t="s">
        <v>274</v>
      </c>
      <c r="B94" s="2" t="s">
        <v>355</v>
      </c>
      <c r="C94" s="2" t="s">
        <v>84</v>
      </c>
      <c r="D94" s="2" t="s">
        <v>85</v>
      </c>
      <c r="E94" s="2" t="s">
        <v>86</v>
      </c>
      <c r="F94" s="2" t="s">
        <v>87</v>
      </c>
      <c r="G94" s="3">
        <v>5</v>
      </c>
      <c r="H94" s="2" t="s">
        <v>88</v>
      </c>
      <c r="I94" s="3">
        <v>2014</v>
      </c>
      <c r="J94" s="2" t="s">
        <v>89</v>
      </c>
      <c r="K94" s="2" t="s">
        <v>90</v>
      </c>
      <c r="L94" s="2" t="s">
        <v>91</v>
      </c>
    </row>
    <row r="95" spans="1:12" ht="15.2" customHeight="1">
      <c r="A95" s="2" t="s">
        <v>274</v>
      </c>
      <c r="B95" s="2" t="s">
        <v>356</v>
      </c>
      <c r="C95" s="2" t="s">
        <v>93</v>
      </c>
      <c r="D95" s="2" t="s">
        <v>94</v>
      </c>
      <c r="E95" s="2" t="s">
        <v>86</v>
      </c>
      <c r="F95" s="2" t="s">
        <v>95</v>
      </c>
      <c r="G95" s="3">
        <v>6</v>
      </c>
      <c r="H95" s="2" t="s">
        <v>88</v>
      </c>
      <c r="I95" s="3">
        <v>2014</v>
      </c>
      <c r="J95" s="2" t="s">
        <v>89</v>
      </c>
      <c r="K95" s="2" t="s">
        <v>90</v>
      </c>
      <c r="L95" s="2" t="s">
        <v>96</v>
      </c>
    </row>
    <row r="96" spans="1:12" ht="15.2" customHeight="1">
      <c r="A96" s="2" t="s">
        <v>274</v>
      </c>
      <c r="B96" s="2" t="s">
        <v>357</v>
      </c>
      <c r="C96" s="2" t="s">
        <v>349</v>
      </c>
      <c r="D96" s="2" t="s">
        <v>350</v>
      </c>
      <c r="E96" s="2" t="s">
        <v>61</v>
      </c>
      <c r="F96" s="2" t="s">
        <v>351</v>
      </c>
      <c r="G96" s="3">
        <v>6</v>
      </c>
      <c r="H96" s="2" t="s">
        <v>352</v>
      </c>
      <c r="I96" s="3">
        <v>2016</v>
      </c>
      <c r="J96" s="2" t="s">
        <v>19</v>
      </c>
      <c r="K96" s="2" t="s">
        <v>64</v>
      </c>
      <c r="L96" s="2" t="s">
        <v>353</v>
      </c>
    </row>
    <row r="97" spans="1:12" ht="15.2" customHeight="1">
      <c r="A97" s="2" t="s">
        <v>274</v>
      </c>
      <c r="B97" s="2" t="s">
        <v>127</v>
      </c>
      <c r="C97" s="2" t="s">
        <v>344</v>
      </c>
      <c r="D97" s="2" t="s">
        <v>345</v>
      </c>
      <c r="E97" s="2" t="s">
        <v>339</v>
      </c>
      <c r="F97" s="2" t="s">
        <v>346</v>
      </c>
      <c r="G97" s="3">
        <v>3</v>
      </c>
      <c r="H97" s="2" t="s">
        <v>347</v>
      </c>
      <c r="I97" s="3">
        <v>2013</v>
      </c>
      <c r="J97" s="2" t="s">
        <v>341</v>
      </c>
      <c r="K97" s="2" t="s">
        <v>342</v>
      </c>
      <c r="L97" s="2" t="s">
        <v>348</v>
      </c>
    </row>
    <row r="98" spans="1:12" ht="15.2" customHeight="1">
      <c r="A98" s="2" t="s">
        <v>274</v>
      </c>
      <c r="B98" s="2" t="s">
        <v>133</v>
      </c>
      <c r="C98" s="2" t="s">
        <v>337</v>
      </c>
      <c r="D98" s="2" t="s">
        <v>338</v>
      </c>
      <c r="E98" s="2" t="s">
        <v>339</v>
      </c>
      <c r="F98" s="2" t="s">
        <v>340</v>
      </c>
      <c r="G98" s="3">
        <v>2</v>
      </c>
      <c r="H98" s="2" t="s">
        <v>79</v>
      </c>
      <c r="I98" s="3">
        <v>2013</v>
      </c>
      <c r="J98" s="2" t="s">
        <v>341</v>
      </c>
      <c r="K98" s="2" t="s">
        <v>342</v>
      </c>
      <c r="L98" s="2" t="s">
        <v>343</v>
      </c>
    </row>
    <row r="99" spans="1:12" ht="15.2" customHeight="1">
      <c r="A99" s="2" t="s">
        <v>274</v>
      </c>
      <c r="B99" s="2" t="s">
        <v>272</v>
      </c>
      <c r="C99" s="2"/>
      <c r="D99" s="2" t="s">
        <v>294</v>
      </c>
      <c r="E99" s="2" t="s">
        <v>143</v>
      </c>
      <c r="F99" s="2" t="s">
        <v>295</v>
      </c>
      <c r="G99" s="3">
        <v>6</v>
      </c>
      <c r="H99" s="2" t="s">
        <v>18</v>
      </c>
      <c r="I99" s="3">
        <v>2019</v>
      </c>
      <c r="J99" s="2" t="s">
        <v>19</v>
      </c>
      <c r="K99" s="2" t="s">
        <v>145</v>
      </c>
      <c r="L99" s="2" t="s">
        <v>296</v>
      </c>
    </row>
    <row r="100" spans="1:12" ht="15.2" customHeight="1">
      <c r="A100" s="2" t="s">
        <v>274</v>
      </c>
      <c r="B100" s="2" t="s">
        <v>273</v>
      </c>
      <c r="C100" s="2" t="s">
        <v>297</v>
      </c>
      <c r="D100" s="2" t="s">
        <v>298</v>
      </c>
      <c r="E100" s="2" t="s">
        <v>299</v>
      </c>
      <c r="F100" s="2" t="s">
        <v>298</v>
      </c>
      <c r="G100" s="3">
        <v>7</v>
      </c>
      <c r="H100" s="2" t="s">
        <v>18</v>
      </c>
      <c r="I100" s="3">
        <v>2017</v>
      </c>
      <c r="J100" s="2" t="s">
        <v>19</v>
      </c>
      <c r="K100" s="2" t="s">
        <v>300</v>
      </c>
      <c r="L100" s="2" t="s">
        <v>301</v>
      </c>
    </row>
    <row r="101" spans="1:12" ht="15.2" customHeight="1">
      <c r="A101" s="2" t="s">
        <v>358</v>
      </c>
      <c r="B101" s="2" t="s">
        <v>14</v>
      </c>
      <c r="C101" s="2" t="s">
        <v>23</v>
      </c>
      <c r="D101" s="2" t="s">
        <v>24</v>
      </c>
      <c r="E101" s="2" t="s">
        <v>25</v>
      </c>
      <c r="F101" s="2" t="s">
        <v>26</v>
      </c>
      <c r="G101" s="3">
        <v>26</v>
      </c>
      <c r="H101" s="2" t="s">
        <v>27</v>
      </c>
      <c r="I101" s="3">
        <v>2010</v>
      </c>
      <c r="J101" s="2" t="s">
        <v>19</v>
      </c>
      <c r="K101" s="2" t="s">
        <v>28</v>
      </c>
      <c r="L101" s="2" t="s">
        <v>29</v>
      </c>
    </row>
    <row r="102" spans="1:12" ht="15.2" customHeight="1">
      <c r="A102" s="2" t="s">
        <v>358</v>
      </c>
      <c r="B102" s="2" t="s">
        <v>22</v>
      </c>
      <c r="C102" s="2" t="s">
        <v>359</v>
      </c>
      <c r="D102" s="2" t="s">
        <v>360</v>
      </c>
      <c r="E102" s="2" t="s">
        <v>206</v>
      </c>
      <c r="F102" s="2" t="s">
        <v>361</v>
      </c>
      <c r="G102" s="3">
        <v>3</v>
      </c>
      <c r="H102" s="2" t="s">
        <v>27</v>
      </c>
      <c r="I102" s="3">
        <v>2019</v>
      </c>
      <c r="J102" s="2" t="s">
        <v>19</v>
      </c>
      <c r="K102" s="2" t="s">
        <v>208</v>
      </c>
      <c r="L102" s="2" t="s">
        <v>362</v>
      </c>
    </row>
    <row r="103" spans="1:12" ht="15.2" customHeight="1">
      <c r="A103" s="2" t="s">
        <v>358</v>
      </c>
      <c r="B103" s="2" t="s">
        <v>30</v>
      </c>
      <c r="C103" s="2" t="s">
        <v>363</v>
      </c>
      <c r="D103" s="2" t="s">
        <v>364</v>
      </c>
      <c r="E103" s="2" t="s">
        <v>212</v>
      </c>
      <c r="F103" s="2" t="s">
        <v>365</v>
      </c>
      <c r="G103" s="3">
        <v>18</v>
      </c>
      <c r="H103" s="2" t="s">
        <v>214</v>
      </c>
      <c r="I103" s="3">
        <v>2017</v>
      </c>
      <c r="J103" s="2" t="s">
        <v>19</v>
      </c>
      <c r="K103" s="2" t="s">
        <v>215</v>
      </c>
      <c r="L103" s="2" t="s">
        <v>366</v>
      </c>
    </row>
    <row r="104" spans="1:12" ht="15.2" customHeight="1">
      <c r="A104" s="2" t="s">
        <v>358</v>
      </c>
      <c r="B104" s="2" t="s">
        <v>217</v>
      </c>
      <c r="C104" s="2" t="s">
        <v>367</v>
      </c>
      <c r="D104" s="2" t="s">
        <v>368</v>
      </c>
      <c r="E104" s="2" t="s">
        <v>61</v>
      </c>
      <c r="F104" s="2" t="s">
        <v>369</v>
      </c>
      <c r="G104" s="3">
        <v>26</v>
      </c>
      <c r="H104" s="2" t="s">
        <v>352</v>
      </c>
      <c r="I104" s="3">
        <v>2015</v>
      </c>
      <c r="J104" s="2" t="s">
        <v>19</v>
      </c>
      <c r="K104" s="2" t="s">
        <v>222</v>
      </c>
      <c r="L104" s="2" t="s">
        <v>370</v>
      </c>
    </row>
    <row r="105" spans="1:12" ht="15.2" customHeight="1">
      <c r="A105" s="2" t="s">
        <v>358</v>
      </c>
      <c r="B105" s="2" t="s">
        <v>39</v>
      </c>
      <c r="C105" s="2" t="s">
        <v>371</v>
      </c>
      <c r="D105" s="2" t="s">
        <v>372</v>
      </c>
      <c r="E105" s="2" t="s">
        <v>373</v>
      </c>
      <c r="F105" s="2" t="s">
        <v>374</v>
      </c>
      <c r="G105" s="3">
        <v>3</v>
      </c>
      <c r="H105" s="2" t="s">
        <v>27</v>
      </c>
      <c r="I105" s="3">
        <v>2019</v>
      </c>
      <c r="J105" s="2" t="s">
        <v>19</v>
      </c>
      <c r="K105" s="2" t="s">
        <v>375</v>
      </c>
      <c r="L105" s="2" t="s">
        <v>376</v>
      </c>
    </row>
    <row r="106" spans="1:12" ht="15.2" customHeight="1">
      <c r="A106" s="2" t="s">
        <v>358</v>
      </c>
      <c r="B106" s="2" t="s">
        <v>46</v>
      </c>
      <c r="C106" s="2" t="s">
        <v>377</v>
      </c>
      <c r="D106" s="2" t="s">
        <v>378</v>
      </c>
      <c r="E106" s="2" t="s">
        <v>299</v>
      </c>
      <c r="F106" s="2" t="s">
        <v>378</v>
      </c>
      <c r="G106" s="3">
        <v>8</v>
      </c>
      <c r="H106" s="2" t="s">
        <v>27</v>
      </c>
      <c r="I106" s="3">
        <v>2017</v>
      </c>
      <c r="J106" s="2" t="s">
        <v>19</v>
      </c>
      <c r="K106" s="2" t="s">
        <v>300</v>
      </c>
      <c r="L106" s="2" t="s">
        <v>379</v>
      </c>
    </row>
    <row r="107" spans="1:12" ht="15.2" customHeight="1">
      <c r="A107" s="2" t="s">
        <v>358</v>
      </c>
      <c r="B107" s="2" t="s">
        <v>159</v>
      </c>
      <c r="C107" s="2" t="s">
        <v>380</v>
      </c>
      <c r="D107" s="2" t="s">
        <v>381</v>
      </c>
      <c r="E107" s="2" t="s">
        <v>143</v>
      </c>
      <c r="F107" s="2" t="s">
        <v>382</v>
      </c>
      <c r="G107" s="3">
        <v>4</v>
      </c>
      <c r="H107" s="2" t="s">
        <v>18</v>
      </c>
      <c r="I107" s="3">
        <v>2019</v>
      </c>
      <c r="J107" s="2" t="s">
        <v>19</v>
      </c>
      <c r="K107" s="2" t="s">
        <v>145</v>
      </c>
      <c r="L107" s="2" t="s">
        <v>383</v>
      </c>
    </row>
    <row r="108" spans="1:12" ht="15.2" customHeight="1">
      <c r="A108" s="2" t="s">
        <v>358</v>
      </c>
      <c r="B108" s="2" t="s">
        <v>58</v>
      </c>
      <c r="C108" s="2" t="s">
        <v>224</v>
      </c>
      <c r="D108" s="2" t="s">
        <v>225</v>
      </c>
      <c r="E108" s="2" t="s">
        <v>143</v>
      </c>
      <c r="F108" s="2" t="s">
        <v>226</v>
      </c>
      <c r="G108" s="3">
        <v>5</v>
      </c>
      <c r="H108" s="2" t="s">
        <v>18</v>
      </c>
      <c r="I108" s="3">
        <v>2019</v>
      </c>
      <c r="J108" s="2" t="s">
        <v>19</v>
      </c>
      <c r="K108" s="2" t="s">
        <v>145</v>
      </c>
      <c r="L108" s="2" t="s">
        <v>227</v>
      </c>
    </row>
    <row r="109" spans="1:12" ht="15.2" customHeight="1">
      <c r="A109" s="2" t="s">
        <v>358</v>
      </c>
      <c r="B109" s="2" t="s">
        <v>164</v>
      </c>
      <c r="C109" s="2"/>
      <c r="D109" s="2" t="s">
        <v>294</v>
      </c>
      <c r="E109" s="2" t="s">
        <v>143</v>
      </c>
      <c r="F109" s="2" t="s">
        <v>295</v>
      </c>
      <c r="G109" s="3">
        <v>6</v>
      </c>
      <c r="H109" s="2" t="s">
        <v>18</v>
      </c>
      <c r="I109" s="3">
        <v>2019</v>
      </c>
      <c r="J109" s="2" t="s">
        <v>19</v>
      </c>
      <c r="K109" s="2" t="s">
        <v>145</v>
      </c>
      <c r="L109" s="2" t="s">
        <v>296</v>
      </c>
    </row>
    <row r="110" spans="1:12" ht="15.2" customHeight="1">
      <c r="A110" s="2" t="s">
        <v>358</v>
      </c>
      <c r="B110" s="2" t="s">
        <v>320</v>
      </c>
      <c r="C110" s="2" t="s">
        <v>384</v>
      </c>
      <c r="D110" s="2" t="s">
        <v>385</v>
      </c>
      <c r="E110" s="2" t="s">
        <v>373</v>
      </c>
      <c r="F110" s="2" t="s">
        <v>386</v>
      </c>
      <c r="G110" s="3">
        <v>2</v>
      </c>
      <c r="H110" s="2" t="s">
        <v>387</v>
      </c>
      <c r="I110" s="3">
        <v>2019</v>
      </c>
      <c r="J110" s="2" t="s">
        <v>19</v>
      </c>
      <c r="K110" s="2" t="s">
        <v>375</v>
      </c>
      <c r="L110" s="2" t="s">
        <v>388</v>
      </c>
    </row>
    <row r="111" spans="1:12" ht="15.2" customHeight="1">
      <c r="A111" s="2" t="s">
        <v>358</v>
      </c>
      <c r="B111" s="2" t="s">
        <v>253</v>
      </c>
      <c r="C111" s="2" t="s">
        <v>389</v>
      </c>
      <c r="D111" s="2" t="s">
        <v>390</v>
      </c>
      <c r="E111" s="2" t="s">
        <v>391</v>
      </c>
      <c r="F111" s="2" t="s">
        <v>392</v>
      </c>
      <c r="G111" s="3">
        <v>1</v>
      </c>
      <c r="H111" s="2" t="s">
        <v>327</v>
      </c>
      <c r="I111" s="3">
        <v>2016</v>
      </c>
      <c r="J111" s="2" t="s">
        <v>328</v>
      </c>
      <c r="K111" s="2" t="s">
        <v>393</v>
      </c>
      <c r="L111" s="2" t="s">
        <v>394</v>
      </c>
    </row>
    <row r="112" spans="1:12" ht="15.2" customHeight="1">
      <c r="A112" s="2" t="s">
        <v>358</v>
      </c>
      <c r="B112" s="2" t="s">
        <v>97</v>
      </c>
      <c r="C112" s="2" t="s">
        <v>395</v>
      </c>
      <c r="D112" s="2" t="s">
        <v>396</v>
      </c>
      <c r="E112" s="2" t="s">
        <v>333</v>
      </c>
      <c r="F112" s="2" t="s">
        <v>397</v>
      </c>
      <c r="G112" s="3">
        <v>2</v>
      </c>
      <c r="H112" s="2" t="s">
        <v>18</v>
      </c>
      <c r="I112" s="3">
        <v>2019</v>
      </c>
      <c r="J112" s="2" t="s">
        <v>19</v>
      </c>
      <c r="K112" s="2" t="s">
        <v>335</v>
      </c>
      <c r="L112" s="2" t="s">
        <v>398</v>
      </c>
    </row>
    <row r="113" spans="1:12" ht="15.2" customHeight="1">
      <c r="A113" s="2" t="s">
        <v>358</v>
      </c>
      <c r="B113" s="2" t="s">
        <v>175</v>
      </c>
      <c r="C113" s="2" t="s">
        <v>399</v>
      </c>
      <c r="D113" s="2" t="s">
        <v>400</v>
      </c>
      <c r="E113" s="2" t="s">
        <v>401</v>
      </c>
      <c r="F113" s="2" t="s">
        <v>402</v>
      </c>
      <c r="G113" s="3">
        <v>2</v>
      </c>
      <c r="H113" s="2" t="s">
        <v>79</v>
      </c>
      <c r="I113" s="3">
        <v>2017</v>
      </c>
      <c r="J113" s="2" t="s">
        <v>89</v>
      </c>
      <c r="K113" s="2" t="s">
        <v>403</v>
      </c>
      <c r="L113" s="2" t="s">
        <v>404</v>
      </c>
    </row>
    <row r="114" spans="1:12" ht="15.2" customHeight="1">
      <c r="A114" s="2" t="s">
        <v>358</v>
      </c>
      <c r="B114" s="2" t="s">
        <v>262</v>
      </c>
      <c r="C114" s="2" t="s">
        <v>405</v>
      </c>
      <c r="D114" s="2" t="s">
        <v>406</v>
      </c>
      <c r="E114" s="2" t="s">
        <v>401</v>
      </c>
      <c r="F114" s="2" t="s">
        <v>407</v>
      </c>
      <c r="G114" s="3">
        <v>3</v>
      </c>
      <c r="H114" s="2" t="s">
        <v>408</v>
      </c>
      <c r="I114" s="3">
        <v>2017</v>
      </c>
      <c r="J114" s="2" t="s">
        <v>89</v>
      </c>
      <c r="K114" s="2" t="s">
        <v>403</v>
      </c>
      <c r="L114" s="2" t="s">
        <v>409</v>
      </c>
    </row>
    <row r="115" spans="1:12" ht="15.2" customHeight="1">
      <c r="A115" s="2" t="s">
        <v>358</v>
      </c>
      <c r="B115" s="2" t="s">
        <v>111</v>
      </c>
      <c r="C115" s="2"/>
      <c r="D115" s="2" t="s">
        <v>410</v>
      </c>
      <c r="E115" s="2" t="s">
        <v>129</v>
      </c>
      <c r="F115" s="2" t="s">
        <v>411</v>
      </c>
      <c r="G115" s="3">
        <v>3</v>
      </c>
      <c r="H115" s="2" t="s">
        <v>18</v>
      </c>
      <c r="I115" s="3">
        <v>2020</v>
      </c>
      <c r="J115" s="2" t="s">
        <v>19</v>
      </c>
      <c r="K115" s="2" t="s">
        <v>131</v>
      </c>
      <c r="L115" s="2" t="s">
        <v>412</v>
      </c>
    </row>
    <row r="116" spans="1:12" ht="15.2" customHeight="1">
      <c r="A116" s="2" t="s">
        <v>358</v>
      </c>
      <c r="B116" s="2" t="s">
        <v>118</v>
      </c>
      <c r="C116" s="2" t="s">
        <v>413</v>
      </c>
      <c r="D116" s="2" t="s">
        <v>414</v>
      </c>
      <c r="E116" s="2" t="s">
        <v>136</v>
      </c>
      <c r="F116" s="2" t="s">
        <v>415</v>
      </c>
      <c r="G116" s="3">
        <v>1</v>
      </c>
      <c r="H116" s="2" t="s">
        <v>27</v>
      </c>
      <c r="I116" s="3">
        <v>2014</v>
      </c>
      <c r="J116" s="2" t="s">
        <v>19</v>
      </c>
      <c r="K116" s="2" t="s">
        <v>138</v>
      </c>
      <c r="L116" s="2" t="s">
        <v>416</v>
      </c>
    </row>
    <row r="117" spans="1:12" ht="15.2" customHeight="1">
      <c r="A117" s="2" t="s">
        <v>358</v>
      </c>
      <c r="B117" s="2" t="s">
        <v>123</v>
      </c>
      <c r="C117" s="2" t="s">
        <v>349</v>
      </c>
      <c r="D117" s="2" t="s">
        <v>350</v>
      </c>
      <c r="E117" s="2" t="s">
        <v>61</v>
      </c>
      <c r="F117" s="2" t="s">
        <v>351</v>
      </c>
      <c r="G117" s="3">
        <v>6</v>
      </c>
      <c r="H117" s="2" t="s">
        <v>352</v>
      </c>
      <c r="I117" s="3">
        <v>2016</v>
      </c>
      <c r="J117" s="2" t="s">
        <v>19</v>
      </c>
      <c r="K117" s="2" t="s">
        <v>64</v>
      </c>
      <c r="L117" s="2" t="s">
        <v>353</v>
      </c>
    </row>
    <row r="118" spans="1:12" ht="15.2" customHeight="1">
      <c r="A118" s="2" t="s">
        <v>358</v>
      </c>
      <c r="B118" s="2" t="s">
        <v>417</v>
      </c>
      <c r="C118" s="2"/>
      <c r="D118" s="2" t="s">
        <v>410</v>
      </c>
      <c r="E118" s="2" t="s">
        <v>129</v>
      </c>
      <c r="F118" s="2" t="s">
        <v>411</v>
      </c>
      <c r="G118" s="3">
        <v>3</v>
      </c>
      <c r="H118" s="2" t="s">
        <v>18</v>
      </c>
      <c r="I118" s="3">
        <v>2020</v>
      </c>
      <c r="J118" s="2" t="s">
        <v>19</v>
      </c>
      <c r="K118" s="2" t="s">
        <v>131</v>
      </c>
      <c r="L118" s="2" t="s">
        <v>412</v>
      </c>
    </row>
    <row r="119" spans="1:12" ht="15.2" customHeight="1">
      <c r="A119" s="2" t="s">
        <v>358</v>
      </c>
      <c r="B119" s="2" t="s">
        <v>193</v>
      </c>
      <c r="C119" s="2" t="s">
        <v>413</v>
      </c>
      <c r="D119" s="2" t="s">
        <v>414</v>
      </c>
      <c r="E119" s="2" t="s">
        <v>136</v>
      </c>
      <c r="F119" s="2" t="s">
        <v>415</v>
      </c>
      <c r="G119" s="3">
        <v>1</v>
      </c>
      <c r="H119" s="2" t="s">
        <v>27</v>
      </c>
      <c r="I119" s="3">
        <v>2014</v>
      </c>
      <c r="J119" s="2" t="s">
        <v>19</v>
      </c>
      <c r="K119" s="2" t="s">
        <v>138</v>
      </c>
      <c r="L119" s="2" t="s">
        <v>416</v>
      </c>
    </row>
    <row r="120" spans="1:12" ht="15.2" customHeight="1">
      <c r="A120" s="2" t="s">
        <v>358</v>
      </c>
      <c r="B120" s="2" t="s">
        <v>127</v>
      </c>
      <c r="C120" s="2" t="s">
        <v>405</v>
      </c>
      <c r="D120" s="2" t="s">
        <v>406</v>
      </c>
      <c r="E120" s="2" t="s">
        <v>401</v>
      </c>
      <c r="F120" s="2" t="s">
        <v>407</v>
      </c>
      <c r="G120" s="3">
        <v>3</v>
      </c>
      <c r="H120" s="2" t="s">
        <v>408</v>
      </c>
      <c r="I120" s="3">
        <v>2017</v>
      </c>
      <c r="J120" s="2" t="s">
        <v>89</v>
      </c>
      <c r="K120" s="2" t="s">
        <v>403</v>
      </c>
      <c r="L120" s="2" t="s">
        <v>409</v>
      </c>
    </row>
    <row r="121" spans="1:12" ht="15.2" customHeight="1">
      <c r="A121" s="2" t="s">
        <v>358</v>
      </c>
      <c r="B121" s="2" t="s">
        <v>133</v>
      </c>
      <c r="C121" s="2" t="s">
        <v>399</v>
      </c>
      <c r="D121" s="2" t="s">
        <v>400</v>
      </c>
      <c r="E121" s="2" t="s">
        <v>401</v>
      </c>
      <c r="F121" s="2" t="s">
        <v>402</v>
      </c>
      <c r="G121" s="3">
        <v>2</v>
      </c>
      <c r="H121" s="2" t="s">
        <v>79</v>
      </c>
      <c r="I121" s="3">
        <v>2017</v>
      </c>
      <c r="J121" s="2" t="s">
        <v>89</v>
      </c>
      <c r="K121" s="2" t="s">
        <v>403</v>
      </c>
      <c r="L121" s="2" t="s">
        <v>404</v>
      </c>
    </row>
    <row r="122" spans="1:12" ht="15.2" customHeight="1">
      <c r="A122" s="2" t="s">
        <v>358</v>
      </c>
      <c r="B122" s="2" t="s">
        <v>272</v>
      </c>
      <c r="C122" s="2" t="s">
        <v>371</v>
      </c>
      <c r="D122" s="2" t="s">
        <v>372</v>
      </c>
      <c r="E122" s="2" t="s">
        <v>373</v>
      </c>
      <c r="F122" s="2" t="s">
        <v>374</v>
      </c>
      <c r="G122" s="3">
        <v>3</v>
      </c>
      <c r="H122" s="2" t="s">
        <v>27</v>
      </c>
      <c r="I122" s="3">
        <v>2019</v>
      </c>
      <c r="J122" s="2" t="s">
        <v>19</v>
      </c>
      <c r="K122" s="2" t="s">
        <v>375</v>
      </c>
      <c r="L122" s="2" t="s">
        <v>376</v>
      </c>
    </row>
    <row r="123" spans="1:12" ht="15.2" customHeight="1">
      <c r="A123" s="2" t="s">
        <v>358</v>
      </c>
      <c r="B123" s="2" t="s">
        <v>273</v>
      </c>
      <c r="C123" s="2" t="s">
        <v>377</v>
      </c>
      <c r="D123" s="2" t="s">
        <v>378</v>
      </c>
      <c r="E123" s="2" t="s">
        <v>299</v>
      </c>
      <c r="F123" s="2" t="s">
        <v>378</v>
      </c>
      <c r="G123" s="3">
        <v>8</v>
      </c>
      <c r="H123" s="2" t="s">
        <v>27</v>
      </c>
      <c r="I123" s="3">
        <v>2017</v>
      </c>
      <c r="J123" s="2" t="s">
        <v>19</v>
      </c>
      <c r="K123" s="2" t="s">
        <v>300</v>
      </c>
      <c r="L123" s="2" t="s">
        <v>379</v>
      </c>
    </row>
    <row r="124" spans="1:12" ht="15.2" customHeight="1">
      <c r="A124" s="2" t="s">
        <v>418</v>
      </c>
      <c r="B124" s="2" t="s">
        <v>14</v>
      </c>
      <c r="C124" s="2" t="s">
        <v>54</v>
      </c>
      <c r="D124" s="2" t="s">
        <v>55</v>
      </c>
      <c r="E124" s="2" t="s">
        <v>25</v>
      </c>
      <c r="F124" s="2" t="s">
        <v>56</v>
      </c>
      <c r="G124" s="3">
        <v>27</v>
      </c>
      <c r="H124" s="2" t="s">
        <v>27</v>
      </c>
      <c r="I124" s="3">
        <v>2010</v>
      </c>
      <c r="J124" s="2" t="s">
        <v>19</v>
      </c>
      <c r="K124" s="2" t="s">
        <v>28</v>
      </c>
      <c r="L124" s="2" t="s">
        <v>57</v>
      </c>
    </row>
    <row r="125" spans="1:12" ht="15.2" customHeight="1">
      <c r="A125" s="2" t="s">
        <v>418</v>
      </c>
      <c r="B125" s="2" t="s">
        <v>22</v>
      </c>
      <c r="C125" s="2" t="s">
        <v>419</v>
      </c>
      <c r="D125" s="2" t="s">
        <v>420</v>
      </c>
      <c r="E125" s="2" t="s">
        <v>206</v>
      </c>
      <c r="F125" s="2" t="s">
        <v>421</v>
      </c>
      <c r="G125" s="3">
        <v>4</v>
      </c>
      <c r="H125" s="2" t="s">
        <v>18</v>
      </c>
      <c r="I125" s="3">
        <v>2019</v>
      </c>
      <c r="J125" s="2" t="s">
        <v>19</v>
      </c>
      <c r="K125" s="2" t="s">
        <v>208</v>
      </c>
      <c r="L125" s="2" t="s">
        <v>422</v>
      </c>
    </row>
    <row r="126" spans="1:12" ht="15.2" customHeight="1">
      <c r="A126" s="2" t="s">
        <v>418</v>
      </c>
      <c r="B126" s="2" t="s">
        <v>30</v>
      </c>
      <c r="C126" s="2" t="s">
        <v>423</v>
      </c>
      <c r="D126" s="2" t="s">
        <v>424</v>
      </c>
      <c r="E126" s="2" t="s">
        <v>212</v>
      </c>
      <c r="F126" s="2" t="s">
        <v>425</v>
      </c>
      <c r="G126" s="3">
        <v>19</v>
      </c>
      <c r="H126" s="2" t="s">
        <v>288</v>
      </c>
      <c r="I126" s="3">
        <v>2017</v>
      </c>
      <c r="J126" s="2" t="s">
        <v>19</v>
      </c>
      <c r="K126" s="2" t="s">
        <v>215</v>
      </c>
      <c r="L126" s="2" t="s">
        <v>426</v>
      </c>
    </row>
    <row r="127" spans="1:12" ht="15.2" customHeight="1">
      <c r="A127" s="2" t="s">
        <v>418</v>
      </c>
      <c r="B127" s="2" t="s">
        <v>217</v>
      </c>
      <c r="C127" s="2" t="s">
        <v>427</v>
      </c>
      <c r="D127" s="2" t="s">
        <v>428</v>
      </c>
      <c r="E127" s="2" t="s">
        <v>61</v>
      </c>
      <c r="F127" s="2" t="s">
        <v>429</v>
      </c>
      <c r="G127" s="3">
        <v>27</v>
      </c>
      <c r="H127" s="2" t="s">
        <v>430</v>
      </c>
      <c r="I127" s="3">
        <v>2015</v>
      </c>
      <c r="J127" s="2" t="s">
        <v>19</v>
      </c>
      <c r="K127" s="2" t="s">
        <v>222</v>
      </c>
      <c r="L127" s="2" t="s">
        <v>431</v>
      </c>
    </row>
    <row r="128" spans="1:12" ht="15.2" customHeight="1">
      <c r="A128" s="2" t="s">
        <v>418</v>
      </c>
      <c r="B128" s="2" t="s">
        <v>39</v>
      </c>
      <c r="C128" s="2" t="s">
        <v>384</v>
      </c>
      <c r="D128" s="2" t="s">
        <v>385</v>
      </c>
      <c r="E128" s="2" t="s">
        <v>373</v>
      </c>
      <c r="F128" s="2" t="s">
        <v>386</v>
      </c>
      <c r="G128" s="3">
        <v>2</v>
      </c>
      <c r="H128" s="2" t="s">
        <v>387</v>
      </c>
      <c r="I128" s="3">
        <v>2019</v>
      </c>
      <c r="J128" s="2" t="s">
        <v>19</v>
      </c>
      <c r="K128" s="2" t="s">
        <v>375</v>
      </c>
      <c r="L128" s="2" t="s">
        <v>388</v>
      </c>
    </row>
    <row r="129" spans="1:12" ht="15.2" customHeight="1">
      <c r="A129" s="2" t="s">
        <v>418</v>
      </c>
      <c r="B129" s="2" t="s">
        <v>46</v>
      </c>
      <c r="C129" s="2" t="s">
        <v>176</v>
      </c>
      <c r="D129" s="2" t="s">
        <v>177</v>
      </c>
      <c r="E129" s="2" t="s">
        <v>143</v>
      </c>
      <c r="F129" s="2" t="s">
        <v>178</v>
      </c>
      <c r="G129" s="3">
        <v>3</v>
      </c>
      <c r="H129" s="2" t="s">
        <v>18</v>
      </c>
      <c r="I129" s="3">
        <v>2019</v>
      </c>
      <c r="J129" s="2" t="s">
        <v>19</v>
      </c>
      <c r="K129" s="2" t="s">
        <v>145</v>
      </c>
      <c r="L129" s="2" t="s">
        <v>179</v>
      </c>
    </row>
    <row r="130" spans="1:12" ht="15.2" customHeight="1">
      <c r="A130" s="2" t="s">
        <v>418</v>
      </c>
      <c r="B130" s="2" t="s">
        <v>159</v>
      </c>
      <c r="C130" s="2" t="s">
        <v>432</v>
      </c>
      <c r="D130" s="2" t="s">
        <v>433</v>
      </c>
      <c r="E130" s="2" t="s">
        <v>107</v>
      </c>
      <c r="F130" s="2" t="s">
        <v>434</v>
      </c>
      <c r="G130" s="3">
        <v>5</v>
      </c>
      <c r="H130" s="2" t="s">
        <v>27</v>
      </c>
      <c r="I130" s="3">
        <v>2019</v>
      </c>
      <c r="J130" s="2" t="s">
        <v>19</v>
      </c>
      <c r="K130" s="2" t="s">
        <v>109</v>
      </c>
      <c r="L130" s="2" t="s">
        <v>435</v>
      </c>
    </row>
    <row r="131" spans="1:12" ht="15.2" customHeight="1">
      <c r="A131" s="2" t="s">
        <v>418</v>
      </c>
      <c r="B131" s="2" t="s">
        <v>58</v>
      </c>
      <c r="C131" s="2" t="s">
        <v>436</v>
      </c>
      <c r="D131" s="2" t="s">
        <v>437</v>
      </c>
      <c r="E131" s="2" t="s">
        <v>107</v>
      </c>
      <c r="F131" s="2" t="s">
        <v>438</v>
      </c>
      <c r="G131" s="3">
        <v>6</v>
      </c>
      <c r="H131" s="2" t="s">
        <v>439</v>
      </c>
      <c r="I131" s="3">
        <v>2019</v>
      </c>
      <c r="J131" s="2" t="s">
        <v>19</v>
      </c>
      <c r="K131" s="2" t="s">
        <v>109</v>
      </c>
      <c r="L131" s="2" t="s">
        <v>440</v>
      </c>
    </row>
    <row r="132" spans="1:12" ht="15.2" customHeight="1">
      <c r="A132" s="2" t="s">
        <v>418</v>
      </c>
      <c r="B132" s="2" t="s">
        <v>164</v>
      </c>
      <c r="C132" s="2" t="s">
        <v>441</v>
      </c>
      <c r="D132" s="2" t="s">
        <v>442</v>
      </c>
      <c r="E132" s="2" t="s">
        <v>333</v>
      </c>
      <c r="F132" s="2" t="s">
        <v>443</v>
      </c>
      <c r="G132" s="3">
        <v>3</v>
      </c>
      <c r="H132" s="2" t="s">
        <v>18</v>
      </c>
      <c r="I132" s="3">
        <v>2019</v>
      </c>
      <c r="J132" s="2" t="s">
        <v>19</v>
      </c>
      <c r="K132" s="2" t="s">
        <v>335</v>
      </c>
      <c r="L132" s="2" t="s">
        <v>444</v>
      </c>
    </row>
    <row r="133" spans="1:12" ht="15.2" customHeight="1">
      <c r="A133" s="2" t="s">
        <v>418</v>
      </c>
      <c r="B133" s="2" t="s">
        <v>320</v>
      </c>
      <c r="C133" s="2" t="s">
        <v>445</v>
      </c>
      <c r="D133" s="2" t="s">
        <v>446</v>
      </c>
      <c r="E133" s="2" t="s">
        <v>333</v>
      </c>
      <c r="F133" s="2" t="s">
        <v>447</v>
      </c>
      <c r="G133" s="3">
        <v>4</v>
      </c>
      <c r="H133" s="2" t="s">
        <v>27</v>
      </c>
      <c r="I133" s="3">
        <v>2019</v>
      </c>
      <c r="J133" s="2" t="s">
        <v>19</v>
      </c>
      <c r="K133" s="2" t="s">
        <v>335</v>
      </c>
      <c r="L133" s="2" t="s">
        <v>448</v>
      </c>
    </row>
    <row r="134" spans="1:12" ht="15.2" customHeight="1">
      <c r="A134" s="2" t="s">
        <v>418</v>
      </c>
      <c r="B134" s="2" t="s">
        <v>253</v>
      </c>
      <c r="C134" s="2" t="s">
        <v>449</v>
      </c>
      <c r="D134" s="2" t="s">
        <v>450</v>
      </c>
      <c r="E134" s="2" t="s">
        <v>451</v>
      </c>
      <c r="F134" s="2" t="s">
        <v>452</v>
      </c>
      <c r="G134" s="3">
        <v>1</v>
      </c>
      <c r="H134" s="2" t="s">
        <v>18</v>
      </c>
      <c r="I134" s="3">
        <v>2018</v>
      </c>
      <c r="J134" s="2" t="s">
        <v>19</v>
      </c>
      <c r="K134" s="2" t="s">
        <v>453</v>
      </c>
      <c r="L134" s="2" t="s">
        <v>454</v>
      </c>
    </row>
    <row r="135" spans="1:12" ht="15.2" customHeight="1">
      <c r="A135" s="2" t="s">
        <v>418</v>
      </c>
      <c r="B135" s="2" t="s">
        <v>97</v>
      </c>
      <c r="C135" s="2" t="s">
        <v>455</v>
      </c>
      <c r="D135" s="2" t="s">
        <v>456</v>
      </c>
      <c r="E135" s="2" t="s">
        <v>451</v>
      </c>
      <c r="F135" s="2" t="s">
        <v>457</v>
      </c>
      <c r="G135" s="3">
        <v>2</v>
      </c>
      <c r="H135" s="2" t="s">
        <v>18</v>
      </c>
      <c r="I135" s="3">
        <v>2018</v>
      </c>
      <c r="J135" s="2" t="s">
        <v>19</v>
      </c>
      <c r="K135" s="2" t="s">
        <v>453</v>
      </c>
      <c r="L135" s="2" t="s">
        <v>458</v>
      </c>
    </row>
    <row r="136" spans="1:12" ht="15.2" customHeight="1">
      <c r="A136" s="2" t="s">
        <v>418</v>
      </c>
      <c r="B136" s="2" t="s">
        <v>175</v>
      </c>
      <c r="C136" s="2" t="s">
        <v>459</v>
      </c>
      <c r="D136" s="2" t="s">
        <v>460</v>
      </c>
      <c r="E136" s="2" t="s">
        <v>86</v>
      </c>
      <c r="F136" s="2" t="s">
        <v>461</v>
      </c>
      <c r="G136" s="3">
        <v>3</v>
      </c>
      <c r="H136" s="2" t="s">
        <v>71</v>
      </c>
      <c r="I136" s="3">
        <v>2016</v>
      </c>
      <c r="J136" s="2" t="s">
        <v>89</v>
      </c>
      <c r="K136" s="2" t="s">
        <v>462</v>
      </c>
      <c r="L136" s="2" t="s">
        <v>463</v>
      </c>
    </row>
    <row r="137" spans="1:12" ht="15.2" customHeight="1">
      <c r="A137" s="2" t="s">
        <v>418</v>
      </c>
      <c r="B137" s="2" t="s">
        <v>464</v>
      </c>
      <c r="C137" s="2" t="s">
        <v>465</v>
      </c>
      <c r="D137" s="2" t="s">
        <v>466</v>
      </c>
      <c r="E137" s="2" t="s">
        <v>86</v>
      </c>
      <c r="F137" s="2" t="s">
        <v>467</v>
      </c>
      <c r="G137" s="3">
        <v>4</v>
      </c>
      <c r="H137" s="2" t="s">
        <v>71</v>
      </c>
      <c r="I137" s="3">
        <v>2016</v>
      </c>
      <c r="J137" s="2" t="s">
        <v>89</v>
      </c>
      <c r="K137" s="2" t="s">
        <v>462</v>
      </c>
      <c r="L137" s="2" t="s">
        <v>468</v>
      </c>
    </row>
    <row r="138" spans="1:12" ht="15.2" customHeight="1">
      <c r="A138" s="2" t="s">
        <v>418</v>
      </c>
      <c r="B138" s="2" t="s">
        <v>262</v>
      </c>
      <c r="C138" s="2" t="s">
        <v>469</v>
      </c>
      <c r="D138" s="2" t="s">
        <v>470</v>
      </c>
      <c r="E138" s="2" t="s">
        <v>86</v>
      </c>
      <c r="F138" s="2" t="s">
        <v>471</v>
      </c>
      <c r="G138" s="3">
        <v>5</v>
      </c>
      <c r="H138" s="2" t="s">
        <v>71</v>
      </c>
      <c r="I138" s="3">
        <v>2016</v>
      </c>
      <c r="J138" s="2" t="s">
        <v>89</v>
      </c>
      <c r="K138" s="2" t="s">
        <v>462</v>
      </c>
      <c r="L138" s="2" t="s">
        <v>472</v>
      </c>
    </row>
    <row r="139" spans="1:12" ht="15.2" customHeight="1">
      <c r="A139" s="2" t="s">
        <v>418</v>
      </c>
      <c r="B139" s="2" t="s">
        <v>473</v>
      </c>
      <c r="C139" s="2" t="s">
        <v>474</v>
      </c>
      <c r="D139" s="2" t="s">
        <v>475</v>
      </c>
      <c r="E139" s="2" t="s">
        <v>86</v>
      </c>
      <c r="F139" s="2" t="s">
        <v>476</v>
      </c>
      <c r="G139" s="3">
        <v>6</v>
      </c>
      <c r="H139" s="2" t="s">
        <v>477</v>
      </c>
      <c r="I139" s="3">
        <v>2016</v>
      </c>
      <c r="J139" s="2" t="s">
        <v>89</v>
      </c>
      <c r="K139" s="2" t="s">
        <v>462</v>
      </c>
      <c r="L139" s="2" t="s">
        <v>478</v>
      </c>
    </row>
    <row r="140" spans="1:12" ht="15.2" customHeight="1">
      <c r="A140" s="2" t="s">
        <v>418</v>
      </c>
      <c r="B140" s="2" t="s">
        <v>111</v>
      </c>
      <c r="C140" s="2" t="s">
        <v>479</v>
      </c>
      <c r="D140" s="2" t="s">
        <v>480</v>
      </c>
      <c r="E140" s="2" t="s">
        <v>77</v>
      </c>
      <c r="F140" s="2" t="s">
        <v>481</v>
      </c>
      <c r="G140" s="3">
        <v>2</v>
      </c>
      <c r="H140" s="2" t="s">
        <v>79</v>
      </c>
      <c r="I140" s="3">
        <v>2018</v>
      </c>
      <c r="J140" s="2" t="s">
        <v>80</v>
      </c>
      <c r="K140" s="2" t="s">
        <v>81</v>
      </c>
      <c r="L140" s="2" t="s">
        <v>482</v>
      </c>
    </row>
    <row r="141" spans="1:12" ht="15.2" customHeight="1">
      <c r="A141" s="2" t="s">
        <v>418</v>
      </c>
      <c r="B141" s="2" t="s">
        <v>118</v>
      </c>
      <c r="C141" s="2" t="s">
        <v>483</v>
      </c>
      <c r="D141" s="2" t="s">
        <v>484</v>
      </c>
      <c r="E141" s="2" t="s">
        <v>86</v>
      </c>
      <c r="F141" s="2" t="s">
        <v>485</v>
      </c>
      <c r="G141" s="3">
        <v>7</v>
      </c>
      <c r="H141" s="2" t="s">
        <v>88</v>
      </c>
      <c r="I141" s="3">
        <v>2014</v>
      </c>
      <c r="J141" s="2" t="s">
        <v>89</v>
      </c>
      <c r="K141" s="2" t="s">
        <v>90</v>
      </c>
      <c r="L141" s="2" t="s">
        <v>486</v>
      </c>
    </row>
    <row r="142" spans="1:12" ht="15.2" customHeight="1">
      <c r="A142" s="2" t="s">
        <v>418</v>
      </c>
      <c r="B142" s="2" t="s">
        <v>487</v>
      </c>
      <c r="C142" s="2" t="s">
        <v>488</v>
      </c>
      <c r="D142" s="2" t="s">
        <v>489</v>
      </c>
      <c r="E142" s="2" t="s">
        <v>86</v>
      </c>
      <c r="F142" s="2" t="s">
        <v>490</v>
      </c>
      <c r="G142" s="3">
        <v>8</v>
      </c>
      <c r="H142" s="2" t="s">
        <v>477</v>
      </c>
      <c r="I142" s="3">
        <v>2014</v>
      </c>
      <c r="J142" s="2" t="s">
        <v>89</v>
      </c>
      <c r="K142" s="2" t="s">
        <v>90</v>
      </c>
      <c r="L142" s="2" t="s">
        <v>491</v>
      </c>
    </row>
    <row r="143" spans="1:12" ht="15.2" customHeight="1">
      <c r="A143" s="2" t="s">
        <v>418</v>
      </c>
      <c r="B143" s="2" t="s">
        <v>492</v>
      </c>
      <c r="C143" s="2" t="s">
        <v>263</v>
      </c>
      <c r="D143" s="2" t="s">
        <v>264</v>
      </c>
      <c r="E143" s="2" t="s">
        <v>16</v>
      </c>
      <c r="F143" s="2" t="s">
        <v>265</v>
      </c>
      <c r="G143" s="3">
        <v>3</v>
      </c>
      <c r="H143" s="2" t="s">
        <v>18</v>
      </c>
      <c r="I143" s="3">
        <v>2019</v>
      </c>
      <c r="J143" s="2" t="s">
        <v>19</v>
      </c>
      <c r="K143" s="2" t="s">
        <v>20</v>
      </c>
      <c r="L143" s="2" t="s">
        <v>266</v>
      </c>
    </row>
    <row r="144" spans="1:12" ht="15.2" customHeight="1">
      <c r="A144" s="2" t="s">
        <v>418</v>
      </c>
      <c r="B144" s="2" t="s">
        <v>493</v>
      </c>
      <c r="C144" s="2" t="s">
        <v>267</v>
      </c>
      <c r="D144" s="2" t="s">
        <v>268</v>
      </c>
      <c r="E144" s="2" t="s">
        <v>16</v>
      </c>
      <c r="F144" s="2" t="s">
        <v>269</v>
      </c>
      <c r="G144" s="3">
        <v>1</v>
      </c>
      <c r="H144" s="2" t="s">
        <v>18</v>
      </c>
      <c r="I144" s="3">
        <v>2018</v>
      </c>
      <c r="J144" s="2" t="s">
        <v>19</v>
      </c>
      <c r="K144" s="2" t="s">
        <v>102</v>
      </c>
      <c r="L144" s="2" t="s">
        <v>270</v>
      </c>
    </row>
    <row r="145" spans="1:12" ht="15.2" customHeight="1">
      <c r="A145" s="2" t="s">
        <v>418</v>
      </c>
      <c r="B145" s="2" t="s">
        <v>125</v>
      </c>
      <c r="C145" s="2" t="s">
        <v>479</v>
      </c>
      <c r="D145" s="2" t="s">
        <v>480</v>
      </c>
      <c r="E145" s="2" t="s">
        <v>77</v>
      </c>
      <c r="F145" s="2" t="s">
        <v>481</v>
      </c>
      <c r="G145" s="3">
        <v>2</v>
      </c>
      <c r="H145" s="2" t="s">
        <v>79</v>
      </c>
      <c r="I145" s="3">
        <v>2018</v>
      </c>
      <c r="J145" s="2" t="s">
        <v>80</v>
      </c>
      <c r="K145" s="2" t="s">
        <v>81</v>
      </c>
      <c r="L145" s="2" t="s">
        <v>482</v>
      </c>
    </row>
    <row r="146" spans="1:12" ht="15.2" customHeight="1">
      <c r="A146" s="2" t="s">
        <v>418</v>
      </c>
      <c r="B146" s="2" t="s">
        <v>193</v>
      </c>
      <c r="C146" s="2" t="s">
        <v>483</v>
      </c>
      <c r="D146" s="2" t="s">
        <v>484</v>
      </c>
      <c r="E146" s="2" t="s">
        <v>86</v>
      </c>
      <c r="F146" s="2" t="s">
        <v>485</v>
      </c>
      <c r="G146" s="3">
        <v>7</v>
      </c>
      <c r="H146" s="2" t="s">
        <v>88</v>
      </c>
      <c r="I146" s="3">
        <v>2014</v>
      </c>
      <c r="J146" s="2" t="s">
        <v>89</v>
      </c>
      <c r="K146" s="2" t="s">
        <v>90</v>
      </c>
      <c r="L146" s="2" t="s">
        <v>486</v>
      </c>
    </row>
    <row r="147" spans="1:12" ht="15.2" customHeight="1">
      <c r="A147" s="2" t="s">
        <v>418</v>
      </c>
      <c r="B147" s="2" t="s">
        <v>494</v>
      </c>
      <c r="C147" s="2" t="s">
        <v>488</v>
      </c>
      <c r="D147" s="2" t="s">
        <v>489</v>
      </c>
      <c r="E147" s="2" t="s">
        <v>86</v>
      </c>
      <c r="F147" s="2" t="s">
        <v>490</v>
      </c>
      <c r="G147" s="3">
        <v>8</v>
      </c>
      <c r="H147" s="2" t="s">
        <v>477</v>
      </c>
      <c r="I147" s="3">
        <v>2014</v>
      </c>
      <c r="J147" s="2" t="s">
        <v>89</v>
      </c>
      <c r="K147" s="2" t="s">
        <v>90</v>
      </c>
      <c r="L147" s="2" t="s">
        <v>491</v>
      </c>
    </row>
    <row r="148" spans="1:12" ht="15.2" customHeight="1">
      <c r="A148" s="2" t="s">
        <v>418</v>
      </c>
      <c r="B148" s="2" t="s">
        <v>127</v>
      </c>
      <c r="C148" s="2" t="s">
        <v>469</v>
      </c>
      <c r="D148" s="2" t="s">
        <v>470</v>
      </c>
      <c r="E148" s="2" t="s">
        <v>86</v>
      </c>
      <c r="F148" s="2" t="s">
        <v>471</v>
      </c>
      <c r="G148" s="3">
        <v>5</v>
      </c>
      <c r="H148" s="2" t="s">
        <v>71</v>
      </c>
      <c r="I148" s="3">
        <v>2016</v>
      </c>
      <c r="J148" s="2" t="s">
        <v>89</v>
      </c>
      <c r="K148" s="2" t="s">
        <v>462</v>
      </c>
      <c r="L148" s="2" t="s">
        <v>472</v>
      </c>
    </row>
    <row r="149" spans="1:12" ht="15.2" customHeight="1">
      <c r="A149" s="2" t="s">
        <v>418</v>
      </c>
      <c r="B149" s="2" t="s">
        <v>495</v>
      </c>
      <c r="C149" s="2" t="s">
        <v>474</v>
      </c>
      <c r="D149" s="2" t="s">
        <v>475</v>
      </c>
      <c r="E149" s="2" t="s">
        <v>86</v>
      </c>
      <c r="F149" s="2" t="s">
        <v>476</v>
      </c>
      <c r="G149" s="3">
        <v>6</v>
      </c>
      <c r="H149" s="2" t="s">
        <v>477</v>
      </c>
      <c r="I149" s="3">
        <v>2016</v>
      </c>
      <c r="J149" s="2" t="s">
        <v>89</v>
      </c>
      <c r="K149" s="2" t="s">
        <v>462</v>
      </c>
      <c r="L149" s="2" t="s">
        <v>478</v>
      </c>
    </row>
    <row r="150" spans="1:12" ht="15.2" customHeight="1">
      <c r="A150" s="2" t="s">
        <v>418</v>
      </c>
      <c r="B150" s="2" t="s">
        <v>133</v>
      </c>
      <c r="C150" s="2" t="s">
        <v>459</v>
      </c>
      <c r="D150" s="2" t="s">
        <v>460</v>
      </c>
      <c r="E150" s="2" t="s">
        <v>86</v>
      </c>
      <c r="F150" s="2" t="s">
        <v>461</v>
      </c>
      <c r="G150" s="3">
        <v>3</v>
      </c>
      <c r="H150" s="2" t="s">
        <v>71</v>
      </c>
      <c r="I150" s="3">
        <v>2016</v>
      </c>
      <c r="J150" s="2" t="s">
        <v>89</v>
      </c>
      <c r="K150" s="2" t="s">
        <v>462</v>
      </c>
      <c r="L150" s="2" t="s">
        <v>463</v>
      </c>
    </row>
    <row r="151" spans="1:12" ht="15.2" customHeight="1">
      <c r="A151" s="2" t="s">
        <v>418</v>
      </c>
      <c r="B151" s="2" t="s">
        <v>496</v>
      </c>
      <c r="C151" s="2" t="s">
        <v>465</v>
      </c>
      <c r="D151" s="2" t="s">
        <v>466</v>
      </c>
      <c r="E151" s="2" t="s">
        <v>86</v>
      </c>
      <c r="F151" s="2" t="s">
        <v>467</v>
      </c>
      <c r="G151" s="3">
        <v>4</v>
      </c>
      <c r="H151" s="2" t="s">
        <v>71</v>
      </c>
      <c r="I151" s="3">
        <v>2016</v>
      </c>
      <c r="J151" s="2" t="s">
        <v>89</v>
      </c>
      <c r="K151" s="2" t="s">
        <v>462</v>
      </c>
      <c r="L151" s="2" t="s">
        <v>468</v>
      </c>
    </row>
    <row r="152" spans="1:12" ht="15.2" customHeight="1">
      <c r="A152" s="2" t="s">
        <v>418</v>
      </c>
      <c r="B152" s="2" t="s">
        <v>272</v>
      </c>
      <c r="C152" s="2" t="s">
        <v>384</v>
      </c>
      <c r="D152" s="2" t="s">
        <v>385</v>
      </c>
      <c r="E152" s="2" t="s">
        <v>373</v>
      </c>
      <c r="F152" s="2" t="s">
        <v>386</v>
      </c>
      <c r="G152" s="3">
        <v>2</v>
      </c>
      <c r="H152" s="2" t="s">
        <v>387</v>
      </c>
      <c r="I152" s="3">
        <v>2019</v>
      </c>
      <c r="J152" s="2" t="s">
        <v>19</v>
      </c>
      <c r="K152" s="2" t="s">
        <v>375</v>
      </c>
      <c r="L152" s="2" t="s">
        <v>388</v>
      </c>
    </row>
    <row r="153" spans="1:12" ht="15.2" customHeight="1">
      <c r="A153" s="2" t="s">
        <v>418</v>
      </c>
      <c r="B153" s="2" t="s">
        <v>273</v>
      </c>
      <c r="C153" s="2" t="s">
        <v>176</v>
      </c>
      <c r="D153" s="2" t="s">
        <v>177</v>
      </c>
      <c r="E153" s="2" t="s">
        <v>143</v>
      </c>
      <c r="F153" s="2" t="s">
        <v>178</v>
      </c>
      <c r="G153" s="3">
        <v>3</v>
      </c>
      <c r="H153" s="2" t="s">
        <v>18</v>
      </c>
      <c r="I153" s="3">
        <v>2019</v>
      </c>
      <c r="J153" s="2" t="s">
        <v>19</v>
      </c>
      <c r="K153" s="2" t="s">
        <v>145</v>
      </c>
      <c r="L153" s="2" t="s">
        <v>179</v>
      </c>
    </row>
    <row r="154" spans="1:12" ht="15.2" customHeight="1">
      <c r="A154" s="2" t="s">
        <v>497</v>
      </c>
      <c r="B154" s="2" t="s">
        <v>14</v>
      </c>
      <c r="C154" s="2" t="s">
        <v>47</v>
      </c>
      <c r="D154" s="2" t="s">
        <v>48</v>
      </c>
      <c r="E154" s="2" t="s">
        <v>49</v>
      </c>
      <c r="F154" s="2" t="s">
        <v>50</v>
      </c>
      <c r="G154" s="3">
        <v>6</v>
      </c>
      <c r="H154" s="2" t="s">
        <v>27</v>
      </c>
      <c r="I154" s="3">
        <v>2017</v>
      </c>
      <c r="J154" s="2" t="s">
        <v>19</v>
      </c>
      <c r="K154" s="2" t="s">
        <v>51</v>
      </c>
      <c r="L154" s="2" t="s">
        <v>52</v>
      </c>
    </row>
    <row r="155" spans="1:12" ht="15.2" customHeight="1">
      <c r="A155" s="2" t="s">
        <v>497</v>
      </c>
      <c r="B155" s="2" t="s">
        <v>22</v>
      </c>
      <c r="C155" s="2" t="s">
        <v>498</v>
      </c>
      <c r="D155" s="2" t="s">
        <v>499</v>
      </c>
      <c r="E155" s="2" t="s">
        <v>200</v>
      </c>
      <c r="F155" s="2" t="s">
        <v>500</v>
      </c>
      <c r="G155" s="3">
        <v>1</v>
      </c>
      <c r="H155" s="2" t="s">
        <v>18</v>
      </c>
      <c r="I155" s="3">
        <v>2017</v>
      </c>
      <c r="J155" s="2" t="s">
        <v>19</v>
      </c>
      <c r="K155" s="2" t="s">
        <v>202</v>
      </c>
      <c r="L155" s="2" t="s">
        <v>501</v>
      </c>
    </row>
    <row r="156" spans="1:12" ht="15.2" customHeight="1">
      <c r="A156" s="2" t="s">
        <v>497</v>
      </c>
      <c r="B156" s="2" t="s">
        <v>30</v>
      </c>
      <c r="C156" s="2" t="s">
        <v>502</v>
      </c>
      <c r="D156" s="2" t="s">
        <v>503</v>
      </c>
      <c r="E156" s="2" t="s">
        <v>212</v>
      </c>
      <c r="F156" s="2" t="s">
        <v>504</v>
      </c>
      <c r="G156" s="3">
        <v>20</v>
      </c>
      <c r="H156" s="2" t="s">
        <v>505</v>
      </c>
      <c r="I156" s="3">
        <v>2017</v>
      </c>
      <c r="J156" s="2" t="s">
        <v>19</v>
      </c>
      <c r="K156" s="2" t="s">
        <v>215</v>
      </c>
      <c r="L156" s="2" t="s">
        <v>506</v>
      </c>
    </row>
    <row r="157" spans="1:12" ht="15.2" customHeight="1">
      <c r="A157" s="2" t="s">
        <v>497</v>
      </c>
      <c r="B157" s="2" t="s">
        <v>217</v>
      </c>
      <c r="C157" s="2" t="s">
        <v>507</v>
      </c>
      <c r="D157" s="2" t="s">
        <v>508</v>
      </c>
      <c r="E157" s="2" t="s">
        <v>61</v>
      </c>
      <c r="F157" s="2" t="s">
        <v>509</v>
      </c>
      <c r="G157" s="3">
        <v>28</v>
      </c>
      <c r="H157" s="2" t="s">
        <v>221</v>
      </c>
      <c r="I157" s="3">
        <v>2015</v>
      </c>
      <c r="J157" s="2" t="s">
        <v>19</v>
      </c>
      <c r="K157" s="2" t="s">
        <v>222</v>
      </c>
      <c r="L157" s="2" t="s">
        <v>510</v>
      </c>
    </row>
    <row r="158" spans="1:12" ht="15.2" customHeight="1">
      <c r="A158" s="2" t="s">
        <v>497</v>
      </c>
      <c r="B158" s="2" t="s">
        <v>39</v>
      </c>
      <c r="C158" s="2" t="s">
        <v>511</v>
      </c>
      <c r="D158" s="2" t="s">
        <v>512</v>
      </c>
      <c r="E158" s="2" t="s">
        <v>373</v>
      </c>
      <c r="F158" s="2" t="s">
        <v>513</v>
      </c>
      <c r="G158" s="3">
        <v>1</v>
      </c>
      <c r="H158" s="2" t="s">
        <v>27</v>
      </c>
      <c r="I158" s="3">
        <v>2019</v>
      </c>
      <c r="J158" s="2" t="s">
        <v>19</v>
      </c>
      <c r="K158" s="2" t="s">
        <v>375</v>
      </c>
      <c r="L158" s="2" t="s">
        <v>514</v>
      </c>
    </row>
    <row r="159" spans="1:12" ht="15.2" customHeight="1">
      <c r="A159" s="2" t="s">
        <v>497</v>
      </c>
      <c r="B159" s="2" t="s">
        <v>46</v>
      </c>
      <c r="C159" s="2" t="s">
        <v>380</v>
      </c>
      <c r="D159" s="2" t="s">
        <v>381</v>
      </c>
      <c r="E159" s="2" t="s">
        <v>143</v>
      </c>
      <c r="F159" s="2" t="s">
        <v>382</v>
      </c>
      <c r="G159" s="3">
        <v>4</v>
      </c>
      <c r="H159" s="2" t="s">
        <v>18</v>
      </c>
      <c r="I159" s="3">
        <v>2019</v>
      </c>
      <c r="J159" s="2" t="s">
        <v>19</v>
      </c>
      <c r="K159" s="2" t="s">
        <v>145</v>
      </c>
      <c r="L159" s="2" t="s">
        <v>383</v>
      </c>
    </row>
    <row r="160" spans="1:12" ht="15.2" customHeight="1">
      <c r="A160" s="2" t="s">
        <v>497</v>
      </c>
      <c r="B160" s="2" t="s">
        <v>159</v>
      </c>
      <c r="C160" s="2" t="s">
        <v>515</v>
      </c>
      <c r="D160" s="2" t="s">
        <v>516</v>
      </c>
      <c r="E160" s="2" t="s">
        <v>517</v>
      </c>
      <c r="F160" s="2" t="s">
        <v>518</v>
      </c>
      <c r="G160" s="3">
        <v>1</v>
      </c>
      <c r="H160" s="2" t="s">
        <v>327</v>
      </c>
      <c r="I160" s="3">
        <v>2013</v>
      </c>
      <c r="J160" s="2" t="s">
        <v>328</v>
      </c>
      <c r="K160" s="2" t="s">
        <v>519</v>
      </c>
      <c r="L160" s="2" t="s">
        <v>520</v>
      </c>
    </row>
    <row r="161" spans="1:12" ht="15.2" customHeight="1">
      <c r="A161" s="2" t="s">
        <v>497</v>
      </c>
      <c r="B161" s="2" t="s">
        <v>58</v>
      </c>
      <c r="C161" s="2" t="s">
        <v>521</v>
      </c>
      <c r="D161" s="2" t="s">
        <v>522</v>
      </c>
      <c r="E161" s="2" t="s">
        <v>517</v>
      </c>
      <c r="F161" s="2" t="s">
        <v>523</v>
      </c>
      <c r="G161" s="3">
        <v>2</v>
      </c>
      <c r="H161" s="2" t="s">
        <v>327</v>
      </c>
      <c r="I161" s="3">
        <v>2013</v>
      </c>
      <c r="J161" s="2" t="s">
        <v>328</v>
      </c>
      <c r="K161" s="2" t="s">
        <v>519</v>
      </c>
      <c r="L161" s="2" t="s">
        <v>520</v>
      </c>
    </row>
    <row r="162" spans="1:12" ht="15.2" customHeight="1">
      <c r="A162" s="2" t="s">
        <v>497</v>
      </c>
      <c r="B162" s="2" t="s">
        <v>164</v>
      </c>
      <c r="C162" s="2" t="s">
        <v>524</v>
      </c>
      <c r="D162" s="2" t="s">
        <v>525</v>
      </c>
      <c r="E162" s="2" t="s">
        <v>401</v>
      </c>
      <c r="F162" s="2" t="s">
        <v>526</v>
      </c>
      <c r="G162" s="3">
        <v>4</v>
      </c>
      <c r="H162" s="2" t="s">
        <v>408</v>
      </c>
      <c r="I162" s="3">
        <v>2017</v>
      </c>
      <c r="J162" s="2" t="s">
        <v>89</v>
      </c>
      <c r="K162" s="2" t="s">
        <v>403</v>
      </c>
      <c r="L162" s="2" t="s">
        <v>527</v>
      </c>
    </row>
    <row r="163" spans="1:12" ht="15.2" customHeight="1">
      <c r="A163" s="2" t="s">
        <v>497</v>
      </c>
      <c r="B163" s="2" t="s">
        <v>320</v>
      </c>
      <c r="C163" s="2" t="s">
        <v>528</v>
      </c>
      <c r="D163" s="2" t="s">
        <v>529</v>
      </c>
      <c r="E163" s="2" t="s">
        <v>86</v>
      </c>
      <c r="F163" s="2" t="s">
        <v>530</v>
      </c>
      <c r="G163" s="3">
        <v>7</v>
      </c>
      <c r="H163" s="2" t="s">
        <v>477</v>
      </c>
      <c r="I163" s="3">
        <v>2016</v>
      </c>
      <c r="J163" s="2" t="s">
        <v>89</v>
      </c>
      <c r="K163" s="2" t="s">
        <v>462</v>
      </c>
      <c r="L163" s="2" t="s">
        <v>531</v>
      </c>
    </row>
    <row r="164" spans="1:12" ht="15.2" customHeight="1">
      <c r="A164" s="2" t="s">
        <v>497</v>
      </c>
      <c r="B164" s="2" t="s">
        <v>532</v>
      </c>
      <c r="C164" s="2" t="s">
        <v>533</v>
      </c>
      <c r="D164" s="2" t="s">
        <v>534</v>
      </c>
      <c r="E164" s="2" t="s">
        <v>86</v>
      </c>
      <c r="F164" s="2" t="s">
        <v>535</v>
      </c>
      <c r="G164" s="3">
        <v>8</v>
      </c>
      <c r="H164" s="2" t="s">
        <v>536</v>
      </c>
      <c r="I164" s="3">
        <v>2016</v>
      </c>
      <c r="J164" s="2" t="s">
        <v>89</v>
      </c>
      <c r="K164" s="2" t="s">
        <v>462</v>
      </c>
      <c r="L164" s="2" t="s">
        <v>537</v>
      </c>
    </row>
    <row r="165" spans="1:12" ht="15.2" customHeight="1">
      <c r="A165" s="2" t="s">
        <v>497</v>
      </c>
      <c r="B165" s="2" t="s">
        <v>253</v>
      </c>
      <c r="C165" s="2" t="s">
        <v>105</v>
      </c>
      <c r="D165" s="2" t="s">
        <v>106</v>
      </c>
      <c r="E165" s="2" t="s">
        <v>107</v>
      </c>
      <c r="F165" s="2" t="s">
        <v>108</v>
      </c>
      <c r="G165" s="3">
        <v>3</v>
      </c>
      <c r="H165" s="2" t="s">
        <v>18</v>
      </c>
      <c r="I165" s="3">
        <v>2019</v>
      </c>
      <c r="J165" s="2" t="s">
        <v>19</v>
      </c>
      <c r="K165" s="2" t="s">
        <v>109</v>
      </c>
      <c r="L165" s="2" t="s">
        <v>110</v>
      </c>
    </row>
    <row r="166" spans="1:12" ht="15.2" customHeight="1">
      <c r="A166" s="2" t="s">
        <v>497</v>
      </c>
      <c r="B166" s="2" t="s">
        <v>97</v>
      </c>
      <c r="C166" s="2" t="s">
        <v>538</v>
      </c>
      <c r="D166" s="2" t="s">
        <v>539</v>
      </c>
      <c r="E166" s="2" t="s">
        <v>451</v>
      </c>
      <c r="F166" s="2" t="s">
        <v>540</v>
      </c>
      <c r="G166" s="3">
        <v>3</v>
      </c>
      <c r="H166" s="2" t="s">
        <v>18</v>
      </c>
      <c r="I166" s="3">
        <v>2018</v>
      </c>
      <c r="J166" s="2" t="s">
        <v>19</v>
      </c>
      <c r="K166" s="2" t="s">
        <v>453</v>
      </c>
      <c r="L166" s="2" t="s">
        <v>541</v>
      </c>
    </row>
    <row r="167" spans="1:12" ht="15.2" customHeight="1">
      <c r="A167" s="2" t="s">
        <v>497</v>
      </c>
      <c r="B167" s="2" t="s">
        <v>175</v>
      </c>
      <c r="C167" s="2" t="s">
        <v>542</v>
      </c>
      <c r="D167" s="2" t="s">
        <v>543</v>
      </c>
      <c r="E167" s="2" t="s">
        <v>86</v>
      </c>
      <c r="F167" s="2" t="s">
        <v>544</v>
      </c>
      <c r="G167" s="3">
        <v>13</v>
      </c>
      <c r="H167" s="2" t="s">
        <v>88</v>
      </c>
      <c r="I167" s="3">
        <v>2016</v>
      </c>
      <c r="J167" s="2" t="s">
        <v>89</v>
      </c>
      <c r="K167" s="2" t="s">
        <v>462</v>
      </c>
      <c r="L167" s="2" t="s">
        <v>545</v>
      </c>
    </row>
    <row r="168" spans="1:12" ht="15.2" customHeight="1">
      <c r="A168" s="2" t="s">
        <v>497</v>
      </c>
      <c r="B168" s="2" t="s">
        <v>464</v>
      </c>
      <c r="C168" s="2" t="s">
        <v>546</v>
      </c>
      <c r="D168" s="2" t="s">
        <v>547</v>
      </c>
      <c r="E168" s="2" t="s">
        <v>86</v>
      </c>
      <c r="F168" s="2" t="s">
        <v>548</v>
      </c>
      <c r="G168" s="3">
        <v>14</v>
      </c>
      <c r="H168" s="2" t="s">
        <v>71</v>
      </c>
      <c r="I168" s="3">
        <v>2016</v>
      </c>
      <c r="J168" s="2" t="s">
        <v>89</v>
      </c>
      <c r="K168" s="2" t="s">
        <v>462</v>
      </c>
      <c r="L168" s="2" t="s">
        <v>549</v>
      </c>
    </row>
    <row r="169" spans="1:12" ht="15.2" customHeight="1">
      <c r="A169" s="2" t="s">
        <v>497</v>
      </c>
      <c r="B169" s="2" t="s">
        <v>262</v>
      </c>
      <c r="C169" s="2" t="s">
        <v>528</v>
      </c>
      <c r="D169" s="2" t="s">
        <v>529</v>
      </c>
      <c r="E169" s="2" t="s">
        <v>86</v>
      </c>
      <c r="F169" s="2" t="s">
        <v>530</v>
      </c>
      <c r="G169" s="3">
        <v>7</v>
      </c>
      <c r="H169" s="2" t="s">
        <v>477</v>
      </c>
      <c r="I169" s="3">
        <v>2016</v>
      </c>
      <c r="J169" s="2" t="s">
        <v>89</v>
      </c>
      <c r="K169" s="2" t="s">
        <v>462</v>
      </c>
      <c r="L169" s="2" t="s">
        <v>531</v>
      </c>
    </row>
    <row r="170" spans="1:12" ht="15.2" customHeight="1">
      <c r="A170" s="2" t="s">
        <v>497</v>
      </c>
      <c r="B170" s="2" t="s">
        <v>473</v>
      </c>
      <c r="C170" s="2" t="s">
        <v>533</v>
      </c>
      <c r="D170" s="2" t="s">
        <v>534</v>
      </c>
      <c r="E170" s="2" t="s">
        <v>86</v>
      </c>
      <c r="F170" s="2" t="s">
        <v>535</v>
      </c>
      <c r="G170" s="3">
        <v>8</v>
      </c>
      <c r="H170" s="2" t="s">
        <v>536</v>
      </c>
      <c r="I170" s="3">
        <v>2016</v>
      </c>
      <c r="J170" s="2" t="s">
        <v>89</v>
      </c>
      <c r="K170" s="2" t="s">
        <v>462</v>
      </c>
      <c r="L170" s="2" t="s">
        <v>537</v>
      </c>
    </row>
    <row r="171" spans="1:12" ht="15.2" customHeight="1">
      <c r="A171" s="2" t="s">
        <v>497</v>
      </c>
      <c r="B171" s="2" t="s">
        <v>111</v>
      </c>
      <c r="C171" s="2" t="s">
        <v>550</v>
      </c>
      <c r="D171" s="2" t="s">
        <v>551</v>
      </c>
      <c r="E171" s="2" t="s">
        <v>552</v>
      </c>
      <c r="F171" s="2" t="s">
        <v>553</v>
      </c>
      <c r="G171" s="3">
        <v>9</v>
      </c>
      <c r="H171" s="2" t="s">
        <v>288</v>
      </c>
      <c r="I171" s="3">
        <v>2017</v>
      </c>
      <c r="J171" s="2" t="s">
        <v>19</v>
      </c>
      <c r="K171" s="2" t="s">
        <v>554</v>
      </c>
      <c r="L171" s="2" t="s">
        <v>555</v>
      </c>
    </row>
    <row r="172" spans="1:12" ht="15.2" customHeight="1">
      <c r="A172" s="2" t="s">
        <v>497</v>
      </c>
      <c r="B172" s="2" t="s">
        <v>556</v>
      </c>
      <c r="C172" s="2" t="s">
        <v>557</v>
      </c>
      <c r="D172" s="2" t="s">
        <v>558</v>
      </c>
      <c r="E172" s="2" t="s">
        <v>552</v>
      </c>
      <c r="F172" s="2" t="s">
        <v>559</v>
      </c>
      <c r="G172" s="3">
        <v>5</v>
      </c>
      <c r="H172" s="2" t="s">
        <v>288</v>
      </c>
      <c r="I172" s="3">
        <v>2017</v>
      </c>
      <c r="J172" s="2" t="s">
        <v>19</v>
      </c>
      <c r="K172" s="2" t="s">
        <v>554</v>
      </c>
      <c r="L172" s="2" t="s">
        <v>560</v>
      </c>
    </row>
    <row r="173" spans="1:12" ht="15.2" customHeight="1">
      <c r="A173" s="2" t="s">
        <v>497</v>
      </c>
      <c r="B173" s="2" t="s">
        <v>118</v>
      </c>
      <c r="C173" s="2" t="s">
        <v>561</v>
      </c>
      <c r="D173" s="2" t="s">
        <v>562</v>
      </c>
      <c r="E173" s="2" t="s">
        <v>563</v>
      </c>
      <c r="F173" s="2" t="s">
        <v>564</v>
      </c>
      <c r="G173" s="3">
        <v>1</v>
      </c>
      <c r="H173" s="2" t="s">
        <v>327</v>
      </c>
      <c r="I173" s="3">
        <v>2017</v>
      </c>
      <c r="J173" s="2" t="s">
        <v>328</v>
      </c>
      <c r="K173" s="2" t="s">
        <v>565</v>
      </c>
      <c r="L173" s="2" t="s">
        <v>566</v>
      </c>
    </row>
    <row r="174" spans="1:12" ht="15.2" customHeight="1">
      <c r="A174" s="2" t="s">
        <v>497</v>
      </c>
      <c r="B174" s="2" t="s">
        <v>123</v>
      </c>
      <c r="C174" s="2"/>
      <c r="D174" s="2" t="s">
        <v>410</v>
      </c>
      <c r="E174" s="2" t="s">
        <v>129</v>
      </c>
      <c r="F174" s="2" t="s">
        <v>411</v>
      </c>
      <c r="G174" s="3">
        <v>3</v>
      </c>
      <c r="H174" s="2" t="s">
        <v>18</v>
      </c>
      <c r="I174" s="3">
        <v>2020</v>
      </c>
      <c r="J174" s="2" t="s">
        <v>19</v>
      </c>
      <c r="K174" s="2" t="s">
        <v>131</v>
      </c>
      <c r="L174" s="2" t="s">
        <v>412</v>
      </c>
    </row>
    <row r="175" spans="1:12" ht="15.2" customHeight="1">
      <c r="A175" s="2" t="s">
        <v>497</v>
      </c>
      <c r="B175" s="2" t="s">
        <v>192</v>
      </c>
      <c r="C175" s="2" t="s">
        <v>413</v>
      </c>
      <c r="D175" s="2" t="s">
        <v>414</v>
      </c>
      <c r="E175" s="2" t="s">
        <v>136</v>
      </c>
      <c r="F175" s="2" t="s">
        <v>415</v>
      </c>
      <c r="G175" s="3">
        <v>1</v>
      </c>
      <c r="H175" s="2" t="s">
        <v>27</v>
      </c>
      <c r="I175" s="3">
        <v>2014</v>
      </c>
      <c r="J175" s="2" t="s">
        <v>19</v>
      </c>
      <c r="K175" s="2" t="s">
        <v>138</v>
      </c>
      <c r="L175" s="2" t="s">
        <v>416</v>
      </c>
    </row>
    <row r="176" spans="1:12" ht="15.2" customHeight="1">
      <c r="A176" s="2" t="s">
        <v>497</v>
      </c>
      <c r="B176" s="2" t="s">
        <v>125</v>
      </c>
      <c r="C176" s="2" t="s">
        <v>550</v>
      </c>
      <c r="D176" s="2" t="s">
        <v>551</v>
      </c>
      <c r="E176" s="2" t="s">
        <v>552</v>
      </c>
      <c r="F176" s="2" t="s">
        <v>553</v>
      </c>
      <c r="G176" s="3">
        <v>9</v>
      </c>
      <c r="H176" s="2" t="s">
        <v>288</v>
      </c>
      <c r="I176" s="3">
        <v>2017</v>
      </c>
      <c r="J176" s="2" t="s">
        <v>19</v>
      </c>
      <c r="K176" s="2" t="s">
        <v>554</v>
      </c>
      <c r="L176" s="2" t="s">
        <v>555</v>
      </c>
    </row>
    <row r="177" spans="1:12" ht="15.2" customHeight="1">
      <c r="A177" s="2" t="s">
        <v>497</v>
      </c>
      <c r="B177" s="2" t="s">
        <v>567</v>
      </c>
      <c r="C177" s="2" t="s">
        <v>557</v>
      </c>
      <c r="D177" s="2" t="s">
        <v>558</v>
      </c>
      <c r="E177" s="2" t="s">
        <v>552</v>
      </c>
      <c r="F177" s="2" t="s">
        <v>559</v>
      </c>
      <c r="G177" s="3">
        <v>5</v>
      </c>
      <c r="H177" s="2" t="s">
        <v>288</v>
      </c>
      <c r="I177" s="3">
        <v>2017</v>
      </c>
      <c r="J177" s="2" t="s">
        <v>19</v>
      </c>
      <c r="K177" s="2" t="s">
        <v>554</v>
      </c>
      <c r="L177" s="2" t="s">
        <v>560</v>
      </c>
    </row>
    <row r="178" spans="1:12" ht="15.2" customHeight="1">
      <c r="A178" s="2" t="s">
        <v>497</v>
      </c>
      <c r="B178" s="2" t="s">
        <v>193</v>
      </c>
      <c r="C178" s="2" t="s">
        <v>561</v>
      </c>
      <c r="D178" s="2" t="s">
        <v>562</v>
      </c>
      <c r="E178" s="2" t="s">
        <v>563</v>
      </c>
      <c r="F178" s="2" t="s">
        <v>564</v>
      </c>
      <c r="G178" s="3">
        <v>1</v>
      </c>
      <c r="H178" s="2" t="s">
        <v>327</v>
      </c>
      <c r="I178" s="3">
        <v>2017</v>
      </c>
      <c r="J178" s="2" t="s">
        <v>328</v>
      </c>
      <c r="K178" s="2" t="s">
        <v>565</v>
      </c>
      <c r="L178" s="2" t="s">
        <v>566</v>
      </c>
    </row>
    <row r="179" spans="1:12" ht="15.2" customHeight="1">
      <c r="A179" s="2" t="s">
        <v>497</v>
      </c>
      <c r="B179" s="2" t="s">
        <v>127</v>
      </c>
      <c r="C179" s="2" t="s">
        <v>528</v>
      </c>
      <c r="D179" s="2" t="s">
        <v>529</v>
      </c>
      <c r="E179" s="2" t="s">
        <v>86</v>
      </c>
      <c r="F179" s="2" t="s">
        <v>530</v>
      </c>
      <c r="G179" s="3">
        <v>7</v>
      </c>
      <c r="H179" s="2" t="s">
        <v>477</v>
      </c>
      <c r="I179" s="3">
        <v>2016</v>
      </c>
      <c r="J179" s="2" t="s">
        <v>89</v>
      </c>
      <c r="K179" s="2" t="s">
        <v>462</v>
      </c>
      <c r="L179" s="2" t="s">
        <v>531</v>
      </c>
    </row>
    <row r="180" spans="1:12" ht="15.2" customHeight="1">
      <c r="A180" s="2" t="s">
        <v>497</v>
      </c>
      <c r="B180" s="2" t="s">
        <v>568</v>
      </c>
      <c r="C180" s="2" t="s">
        <v>533</v>
      </c>
      <c r="D180" s="2" t="s">
        <v>534</v>
      </c>
      <c r="E180" s="2" t="s">
        <v>86</v>
      </c>
      <c r="F180" s="2" t="s">
        <v>535</v>
      </c>
      <c r="G180" s="3">
        <v>8</v>
      </c>
      <c r="H180" s="2" t="s">
        <v>536</v>
      </c>
      <c r="I180" s="3">
        <v>2016</v>
      </c>
      <c r="J180" s="2" t="s">
        <v>89</v>
      </c>
      <c r="K180" s="2" t="s">
        <v>462</v>
      </c>
      <c r="L180" s="2" t="s">
        <v>537</v>
      </c>
    </row>
    <row r="181" spans="1:12" ht="15.2" customHeight="1">
      <c r="A181" s="2" t="s">
        <v>497</v>
      </c>
      <c r="B181" s="2" t="s">
        <v>133</v>
      </c>
      <c r="C181" s="2" t="s">
        <v>542</v>
      </c>
      <c r="D181" s="2" t="s">
        <v>543</v>
      </c>
      <c r="E181" s="2" t="s">
        <v>86</v>
      </c>
      <c r="F181" s="2" t="s">
        <v>544</v>
      </c>
      <c r="G181" s="3">
        <v>13</v>
      </c>
      <c r="H181" s="2" t="s">
        <v>88</v>
      </c>
      <c r="I181" s="3">
        <v>2016</v>
      </c>
      <c r="J181" s="2" t="s">
        <v>89</v>
      </c>
      <c r="K181" s="2" t="s">
        <v>462</v>
      </c>
      <c r="L181" s="2" t="s">
        <v>545</v>
      </c>
    </row>
    <row r="182" spans="1:12" ht="15.2" customHeight="1">
      <c r="A182" s="2" t="s">
        <v>497</v>
      </c>
      <c r="B182" s="2" t="s">
        <v>496</v>
      </c>
      <c r="C182" s="2" t="s">
        <v>546</v>
      </c>
      <c r="D182" s="2" t="s">
        <v>547</v>
      </c>
      <c r="E182" s="2" t="s">
        <v>86</v>
      </c>
      <c r="F182" s="2" t="s">
        <v>548</v>
      </c>
      <c r="G182" s="3">
        <v>14</v>
      </c>
      <c r="H182" s="2" t="s">
        <v>71</v>
      </c>
      <c r="I182" s="3">
        <v>2016</v>
      </c>
      <c r="J182" s="2" t="s">
        <v>89</v>
      </c>
      <c r="K182" s="2" t="s">
        <v>462</v>
      </c>
      <c r="L182" s="2" t="s">
        <v>549</v>
      </c>
    </row>
    <row r="183" spans="1:12" ht="15.2" customHeight="1">
      <c r="A183" s="2" t="s">
        <v>497</v>
      </c>
      <c r="B183" s="2" t="s">
        <v>272</v>
      </c>
      <c r="C183" s="2" t="s">
        <v>511</v>
      </c>
      <c r="D183" s="2" t="s">
        <v>512</v>
      </c>
      <c r="E183" s="2" t="s">
        <v>373</v>
      </c>
      <c r="F183" s="2" t="s">
        <v>513</v>
      </c>
      <c r="G183" s="3">
        <v>1</v>
      </c>
      <c r="H183" s="2" t="s">
        <v>27</v>
      </c>
      <c r="I183" s="3">
        <v>2019</v>
      </c>
      <c r="J183" s="2" t="s">
        <v>19</v>
      </c>
      <c r="K183" s="2" t="s">
        <v>375</v>
      </c>
      <c r="L183" s="2" t="s">
        <v>514</v>
      </c>
    </row>
    <row r="184" spans="1:12" ht="15.2" customHeight="1">
      <c r="A184" s="2" t="s">
        <v>497</v>
      </c>
      <c r="B184" s="2" t="s">
        <v>273</v>
      </c>
      <c r="C184" s="2" t="s">
        <v>380</v>
      </c>
      <c r="D184" s="2" t="s">
        <v>381</v>
      </c>
      <c r="E184" s="2" t="s">
        <v>143</v>
      </c>
      <c r="F184" s="2" t="s">
        <v>382</v>
      </c>
      <c r="G184" s="3">
        <v>4</v>
      </c>
      <c r="H184" s="2" t="s">
        <v>18</v>
      </c>
      <c r="I184" s="3">
        <v>2019</v>
      </c>
      <c r="J184" s="2" t="s">
        <v>19</v>
      </c>
      <c r="K184" s="2" t="s">
        <v>145</v>
      </c>
      <c r="L184" s="2" t="s">
        <v>383</v>
      </c>
    </row>
    <row r="185" spans="1:12" ht="0" hidden="1" customHeight="1"/>
  </sheetData>
  <mergeCells count="1">
    <mergeCell ref="A1:L1"/>
  </mergeCells>
  <pageMargins left="1" right="1" top="1" bottom="1" header="1" footer="1"/>
  <pageSetup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0-10-23T15:19:26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